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B102" i="12" l="1"/>
  <c r="DG102" i="12"/>
  <c r="DL102" i="12"/>
  <c r="DQ102" i="12"/>
  <c r="CW102" i="12"/>
  <c r="CR102" i="12"/>
  <c r="AP23" i="12" l="1"/>
  <c r="AU63" i="12"/>
  <c r="AP63" i="12"/>
  <c r="AU88" i="12"/>
  <c r="AP88" i="12"/>
  <c r="AF88" i="12"/>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U36" i="10"/>
  <c r="C36" i="10"/>
  <c r="CO35" i="10"/>
  <c r="BE35" i="10"/>
  <c r="AM35" i="10"/>
  <c r="U35" i="10"/>
  <c r="C35" i="10"/>
  <c r="CO34" i="10"/>
  <c r="BW34" i="10"/>
  <c r="BW35" i="10" s="1"/>
  <c r="BW36" i="10" s="1"/>
  <c r="BW37"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77" uniqueCount="59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綾瀬市</t>
    <phoneticPr fontId="5"/>
  </si>
  <si>
    <t>地方交付税種地</t>
    <rPh sb="0" eb="2">
      <t>チホウ</t>
    </rPh>
    <rPh sb="2" eb="5">
      <t>コウフゼイ</t>
    </rPh>
    <rPh sb="5" eb="6">
      <t>シュ</t>
    </rPh>
    <rPh sb="6" eb="7">
      <t>チ</t>
    </rPh>
    <phoneticPr fontId="5"/>
  </si>
  <si>
    <t>1-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綾瀬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介護サービス</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工業用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綾瀬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深谷中央特定土地区画整理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t>
    <phoneticPr fontId="5"/>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2.20</t>
  </si>
  <si>
    <t>▲ 0.19</t>
  </si>
  <si>
    <t>一般会計</t>
  </si>
  <si>
    <t>介護保険事業特別会計</t>
  </si>
  <si>
    <t>国民健康保険事業特別会計</t>
  </si>
  <si>
    <t>公共下水道事業会計</t>
  </si>
  <si>
    <t>後期高齢者医療事業特別会計</t>
  </si>
  <si>
    <t>深谷中央特定土地区画整理事業特別会計</t>
  </si>
  <si>
    <t>▲ 0.00</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広域大和斎場組合（広域大和斎場組合予算）</t>
    <rPh sb="0" eb="2">
      <t>コウイキ</t>
    </rPh>
    <rPh sb="2" eb="4">
      <t>ヤマト</t>
    </rPh>
    <rPh sb="4" eb="6">
      <t>サイジョウ</t>
    </rPh>
    <rPh sb="6" eb="8">
      <t>クミアイ</t>
    </rPh>
    <rPh sb="9" eb="11">
      <t>コウイキ</t>
    </rPh>
    <rPh sb="11" eb="13">
      <t>ヤマト</t>
    </rPh>
    <rPh sb="13" eb="15">
      <t>サイジョウ</t>
    </rPh>
    <rPh sb="15" eb="17">
      <t>クミアイ</t>
    </rPh>
    <rPh sb="17" eb="19">
      <t>ヨサン</t>
    </rPh>
    <phoneticPr fontId="2"/>
  </si>
  <si>
    <t>高座清掃施設組合（一般会計）</t>
    <rPh sb="0" eb="2">
      <t>コウザ</t>
    </rPh>
    <rPh sb="2" eb="4">
      <t>セイソウ</t>
    </rPh>
    <rPh sb="4" eb="6">
      <t>シセツ</t>
    </rPh>
    <rPh sb="6" eb="8">
      <t>クミアイ</t>
    </rPh>
    <rPh sb="9" eb="11">
      <t>イッパン</t>
    </rPh>
    <rPh sb="11" eb="13">
      <t>カイケ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綾瀬市土地開発公社</t>
    <phoneticPr fontId="2"/>
  </si>
  <si>
    <t>綾瀬市職員退職手当基金</t>
    <rPh sb="0" eb="3">
      <t>アヤセシ</t>
    </rPh>
    <rPh sb="3" eb="5">
      <t>ショクイン</t>
    </rPh>
    <rPh sb="5" eb="7">
      <t>タイショク</t>
    </rPh>
    <rPh sb="7" eb="9">
      <t>テアテ</t>
    </rPh>
    <rPh sb="9" eb="11">
      <t>キキン</t>
    </rPh>
    <phoneticPr fontId="5"/>
  </si>
  <si>
    <t>綾瀬市社会福祉基金</t>
    <rPh sb="0" eb="3">
      <t>アヤセシ</t>
    </rPh>
    <rPh sb="3" eb="5">
      <t>シャカイ</t>
    </rPh>
    <rPh sb="5" eb="7">
      <t>フクシ</t>
    </rPh>
    <rPh sb="7" eb="9">
      <t>キキン</t>
    </rPh>
    <phoneticPr fontId="5"/>
  </si>
  <si>
    <t>特定防衛施設周辺整備調整交付金基金</t>
    <rPh sb="0" eb="2">
      <t>トクテイ</t>
    </rPh>
    <rPh sb="2" eb="4">
      <t>ボウエイ</t>
    </rPh>
    <rPh sb="4" eb="6">
      <t>シセツ</t>
    </rPh>
    <rPh sb="6" eb="8">
      <t>シュウヘン</t>
    </rPh>
    <rPh sb="8" eb="10">
      <t>セイビ</t>
    </rPh>
    <rPh sb="10" eb="12">
      <t>チョウセイ</t>
    </rPh>
    <rPh sb="12" eb="15">
      <t>コウフキン</t>
    </rPh>
    <rPh sb="15" eb="17">
      <t>キキン</t>
    </rPh>
    <phoneticPr fontId="5"/>
  </si>
  <si>
    <t>綾瀬市公共用地取得基金</t>
    <phoneticPr fontId="2"/>
  </si>
  <si>
    <t>綾瀬市公共施設等総合管理基金</t>
    <phoneticPr fontId="2"/>
  </si>
  <si>
    <t>-</t>
    <phoneticPr fontId="2"/>
  </si>
  <si>
    <t>－</t>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r>
      <rPr>
        <sz val="11"/>
        <rFont val="ＭＳ Ｐゴシック"/>
        <family val="3"/>
        <charset val="128"/>
      </rPr>
      <t>将来負担比率は、公共下水道事業の起債残高が減少したことなどにより、前年度を19.9 ポイント下回っている。</t>
    </r>
    <r>
      <rPr>
        <sz val="11"/>
        <color rgb="FFFF0000"/>
        <rFont val="ＭＳ Ｐゴシック"/>
        <family val="3"/>
        <charset val="128"/>
      </rPr>
      <t xml:space="preserve">
</t>
    </r>
    <r>
      <rPr>
        <sz val="11"/>
        <rFont val="ＭＳ Ｐゴシック"/>
        <family val="3"/>
        <charset val="128"/>
      </rPr>
      <t>実質公債費比率は、公共下水道事業における地方債の償還に充てるための繰入額の減や、標準税収入額等の増加などにより、前年度を1.8ポイント下回っている。
いずれの指標も減少傾向ではあるが、引き続き借入抑制を行っていく必要がある。</t>
    </r>
    <rPh sb="63" eb="65">
      <t>コウキョウ</t>
    </rPh>
    <rPh sb="65" eb="68">
      <t>ゲスイドウ</t>
    </rPh>
    <rPh sb="68" eb="70">
      <t>ジギョウ</t>
    </rPh>
    <rPh sb="74" eb="76">
      <t>チホウ</t>
    </rPh>
    <rPh sb="76" eb="77">
      <t>サイ</t>
    </rPh>
    <rPh sb="78" eb="80">
      <t>ショウカン</t>
    </rPh>
    <rPh sb="81" eb="82">
      <t>ア</t>
    </rPh>
    <rPh sb="87" eb="89">
      <t>クリイレ</t>
    </rPh>
    <rPh sb="89" eb="90">
      <t>ガク</t>
    </rPh>
    <rPh sb="91" eb="92">
      <t>ゲン</t>
    </rPh>
    <rPh sb="94" eb="96">
      <t>ヒョウジュン</t>
    </rPh>
    <rPh sb="96" eb="97">
      <t>ゼイ</t>
    </rPh>
    <rPh sb="97" eb="99">
      <t>シュウニュウ</t>
    </rPh>
    <rPh sb="99" eb="100">
      <t>ガク</t>
    </rPh>
    <rPh sb="100" eb="101">
      <t>トウ</t>
    </rPh>
    <rPh sb="102" eb="104">
      <t>ゾウカ</t>
    </rPh>
    <rPh sb="110" eb="113">
      <t>ゼンネンド</t>
    </rPh>
    <rPh sb="121" eb="123">
      <t>シタマワ</t>
    </rPh>
    <phoneticPr fontId="5"/>
  </si>
  <si>
    <t>当市の特徴としては、有形固定資産の順次更新・改修段階に入っており、類似団体よりも有形固定資産原価償却効率は低い。将来負担比率は令和２年度に公共下水道事業の起債残高が減になったことから類似団体内平均値に近づいている。</t>
    <rPh sb="24" eb="26">
      <t>ダンカイ</t>
    </rPh>
    <rPh sb="63" eb="65">
      <t>レイワ</t>
    </rPh>
    <rPh sb="66" eb="68">
      <t>ネンド</t>
    </rPh>
    <rPh sb="69" eb="71">
      <t>コウキョウ</t>
    </rPh>
    <rPh sb="71" eb="74">
      <t>ゲスイドウ</t>
    </rPh>
    <rPh sb="74" eb="76">
      <t>ジギョウ</t>
    </rPh>
    <rPh sb="77" eb="79">
      <t>キサイ</t>
    </rPh>
    <rPh sb="79" eb="81">
      <t>ザンダカ</t>
    </rPh>
    <rPh sb="82" eb="83">
      <t>ゲン</t>
    </rPh>
    <rPh sb="91" eb="93">
      <t>ルイジ</t>
    </rPh>
    <rPh sb="93" eb="95">
      <t>ダンタイ</t>
    </rPh>
    <rPh sb="95" eb="96">
      <t>ウチ</t>
    </rPh>
    <rPh sb="96" eb="99">
      <t>ヘイキンチ</t>
    </rPh>
    <rPh sb="100" eb="101">
      <t>チカ</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
      <sz val="11"/>
      <color rgb="FFFF0000"/>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4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77" fontId="34" fillId="8" borderId="130"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84" xfId="12" applyNumberFormat="1" applyFont="1" applyFill="1" applyBorder="1" applyAlignment="1" applyProtection="1">
      <alignment horizontal="right" vertical="center" shrinkToFit="1"/>
      <protection locked="0"/>
    </xf>
    <xf numFmtId="187" fontId="34" fillId="8" borderId="143" xfId="12" applyNumberFormat="1" applyFont="1" applyFill="1" applyBorder="1" applyAlignment="1" applyProtection="1">
      <alignment horizontal="right" vertical="center" shrinkToFit="1"/>
      <protection locked="0"/>
    </xf>
    <xf numFmtId="187" fontId="34" fillId="8" borderId="149" xfId="12" applyNumberFormat="1" applyFont="1" applyFill="1" applyBorder="1" applyAlignment="1" applyProtection="1">
      <alignment horizontal="right" vertical="center" shrinkToFit="1"/>
      <protection locked="0"/>
    </xf>
    <xf numFmtId="187" fontId="34" fillId="8" borderId="133" xfId="12" applyNumberFormat="1" applyFont="1" applyFill="1" applyBorder="1" applyAlignment="1" applyProtection="1">
      <alignment horizontal="right" vertical="center" shrinkToFit="1"/>
      <protection locked="0"/>
    </xf>
    <xf numFmtId="0" fontId="34" fillId="8" borderId="130"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6" fillId="0" borderId="41" xfId="16" applyFont="1" applyBorder="1" applyAlignment="1" applyProtection="1">
      <alignment horizontal="left" vertical="top" wrapText="1"/>
      <protection locked="0"/>
    </xf>
    <xf numFmtId="0" fontId="16" fillId="0" borderId="12" xfId="16" applyFont="1" applyBorder="1" applyAlignment="1" applyProtection="1">
      <alignment horizontal="left" vertical="top" wrapText="1"/>
      <protection locked="0"/>
    </xf>
    <xf numFmtId="0" fontId="16" fillId="0" borderId="48" xfId="16" applyFont="1" applyBorder="1" applyAlignment="1" applyProtection="1">
      <alignment horizontal="left" vertical="top" wrapText="1"/>
      <protection locked="0"/>
    </xf>
    <xf numFmtId="0" fontId="16" fillId="0" borderId="64" xfId="16" applyFont="1" applyBorder="1" applyAlignment="1" applyProtection="1">
      <alignment horizontal="left" vertical="top" wrapText="1"/>
      <protection locked="0"/>
    </xf>
    <xf numFmtId="0" fontId="16" fillId="0" borderId="0" xfId="16" applyFont="1" applyAlignment="1" applyProtection="1">
      <alignment horizontal="left" vertical="top" wrapText="1"/>
      <protection locked="0"/>
    </xf>
    <xf numFmtId="0" fontId="16" fillId="0" borderId="38" xfId="16" applyFont="1" applyBorder="1" applyAlignment="1" applyProtection="1">
      <alignment horizontal="left" vertical="top" wrapText="1"/>
      <protection locked="0"/>
    </xf>
    <xf numFmtId="0" fontId="16" fillId="0" borderId="37" xfId="16" applyFont="1" applyBorder="1" applyAlignment="1" applyProtection="1">
      <alignment horizontal="left" vertical="top" wrapText="1"/>
      <protection locked="0"/>
    </xf>
    <xf numFmtId="0" fontId="16" fillId="0" borderId="54" xfId="16" applyFont="1" applyBorder="1" applyAlignment="1" applyProtection="1">
      <alignment horizontal="left" vertical="top" wrapText="1"/>
      <protection locked="0"/>
    </xf>
    <xf numFmtId="0" fontId="16"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0" fontId="40"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7295</c:v>
                </c:pt>
                <c:pt idx="1">
                  <c:v>54110</c:v>
                </c:pt>
                <c:pt idx="2">
                  <c:v>54684</c:v>
                </c:pt>
                <c:pt idx="3">
                  <c:v>62383</c:v>
                </c:pt>
                <c:pt idx="4">
                  <c:v>63812</c:v>
                </c:pt>
              </c:numCache>
            </c:numRef>
          </c:val>
          <c:smooth val="0"/>
          <c:extLst xmlns:c16r2="http://schemas.microsoft.com/office/drawing/2015/06/chart">
            <c:ext xmlns:c16="http://schemas.microsoft.com/office/drawing/2014/chart" uri="{C3380CC4-5D6E-409C-BE32-E72D297353CC}">
              <c16:uniqueId val="{00000000-2983-44B7-AE17-4219B58A6C6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51151</c:v>
                </c:pt>
                <c:pt idx="1">
                  <c:v>69768</c:v>
                </c:pt>
                <c:pt idx="2">
                  <c:v>50413</c:v>
                </c:pt>
                <c:pt idx="3">
                  <c:v>45141</c:v>
                </c:pt>
                <c:pt idx="4">
                  <c:v>28497</c:v>
                </c:pt>
              </c:numCache>
            </c:numRef>
          </c:val>
          <c:smooth val="0"/>
          <c:extLst xmlns:c16r2="http://schemas.microsoft.com/office/drawing/2015/06/chart">
            <c:ext xmlns:c16="http://schemas.microsoft.com/office/drawing/2014/chart" uri="{C3380CC4-5D6E-409C-BE32-E72D297353CC}">
              <c16:uniqueId val="{00000001-2983-44B7-AE17-4219B58A6C64}"/>
            </c:ext>
          </c:extLst>
        </c:ser>
        <c:dLbls>
          <c:showLegendKey val="0"/>
          <c:showVal val="0"/>
          <c:showCatName val="0"/>
          <c:showSerName val="0"/>
          <c:showPercent val="0"/>
          <c:showBubbleSize val="0"/>
        </c:dLbls>
        <c:marker val="1"/>
        <c:smooth val="0"/>
        <c:axId val="506346616"/>
        <c:axId val="506348968"/>
      </c:lineChart>
      <c:catAx>
        <c:axId val="50634661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8968"/>
        <c:crosses val="autoZero"/>
        <c:auto val="1"/>
        <c:lblAlgn val="ctr"/>
        <c:lblOffset val="100"/>
        <c:tickLblSkip val="1"/>
        <c:tickMarkSkip val="1"/>
        <c:noMultiLvlLbl val="0"/>
      </c:catAx>
      <c:valAx>
        <c:axId val="506348968"/>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661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2.75</c:v>
                </c:pt>
                <c:pt idx="1">
                  <c:v>5.89</c:v>
                </c:pt>
                <c:pt idx="2">
                  <c:v>5.1100000000000003</c:v>
                </c:pt>
                <c:pt idx="3">
                  <c:v>5.24</c:v>
                </c:pt>
                <c:pt idx="4">
                  <c:v>6.8</c:v>
                </c:pt>
              </c:numCache>
            </c:numRef>
          </c:val>
          <c:extLst xmlns:c16r2="http://schemas.microsoft.com/office/drawing/2015/06/chart">
            <c:ext xmlns:c16="http://schemas.microsoft.com/office/drawing/2014/chart" uri="{C3380CC4-5D6E-409C-BE32-E72D297353CC}">
              <c16:uniqueId val="{00000000-4FF2-44A1-A640-CE4A6D06AE56}"/>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9.2799999999999994</c:v>
                </c:pt>
                <c:pt idx="1">
                  <c:v>9.39</c:v>
                </c:pt>
                <c:pt idx="2">
                  <c:v>9.7799999999999994</c:v>
                </c:pt>
                <c:pt idx="3">
                  <c:v>12.61</c:v>
                </c:pt>
                <c:pt idx="4">
                  <c:v>13.4</c:v>
                </c:pt>
              </c:numCache>
            </c:numRef>
          </c:val>
          <c:extLst xmlns:c16r2="http://schemas.microsoft.com/office/drawing/2015/06/chart">
            <c:ext xmlns:c16="http://schemas.microsoft.com/office/drawing/2014/chart" uri="{C3380CC4-5D6E-409C-BE32-E72D297353CC}">
              <c16:uniqueId val="{00000001-4FF2-44A1-A640-CE4A6D06AE56}"/>
            </c:ext>
          </c:extLst>
        </c:ser>
        <c:dLbls>
          <c:showLegendKey val="0"/>
          <c:showVal val="0"/>
          <c:showCatName val="0"/>
          <c:showSerName val="0"/>
          <c:showPercent val="0"/>
          <c:showBubbleSize val="0"/>
        </c:dLbls>
        <c:gapWidth val="250"/>
        <c:overlap val="100"/>
        <c:axId val="506345832"/>
        <c:axId val="50634740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2000000000000002</c:v>
                </c:pt>
                <c:pt idx="1">
                  <c:v>3.37</c:v>
                </c:pt>
                <c:pt idx="2">
                  <c:v>-0.19</c:v>
                </c:pt>
                <c:pt idx="3">
                  <c:v>3.02</c:v>
                </c:pt>
                <c:pt idx="4">
                  <c:v>2.69</c:v>
                </c:pt>
              </c:numCache>
            </c:numRef>
          </c:val>
          <c:smooth val="0"/>
          <c:extLst xmlns:c16r2="http://schemas.microsoft.com/office/drawing/2015/06/chart">
            <c:ext xmlns:c16="http://schemas.microsoft.com/office/drawing/2014/chart" uri="{C3380CC4-5D6E-409C-BE32-E72D297353CC}">
              <c16:uniqueId val="{00000002-4FF2-44A1-A640-CE4A6D06AE56}"/>
            </c:ext>
          </c:extLst>
        </c:ser>
        <c:dLbls>
          <c:showLegendKey val="0"/>
          <c:showVal val="0"/>
          <c:showCatName val="0"/>
          <c:showSerName val="0"/>
          <c:showPercent val="0"/>
          <c:showBubbleSize val="0"/>
        </c:dLbls>
        <c:marker val="1"/>
        <c:smooth val="0"/>
        <c:axId val="506345832"/>
        <c:axId val="506347400"/>
      </c:lineChart>
      <c:catAx>
        <c:axId val="5063458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06347400"/>
        <c:crosses val="autoZero"/>
        <c:auto val="1"/>
        <c:lblAlgn val="ctr"/>
        <c:lblOffset val="100"/>
        <c:tickLblSkip val="1"/>
        <c:tickMarkSkip val="1"/>
        <c:noMultiLvlLbl val="0"/>
      </c:catAx>
      <c:valAx>
        <c:axId val="506347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58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06</c:v>
                </c:pt>
                <c:pt idx="2">
                  <c:v>#N/A</c:v>
                </c:pt>
                <c:pt idx="3">
                  <c:v>0.06</c:v>
                </c:pt>
                <c:pt idx="4">
                  <c:v>#N/A</c:v>
                </c:pt>
                <c:pt idx="5">
                  <c:v>0.06</c:v>
                </c:pt>
                <c:pt idx="6">
                  <c:v>#N/A</c:v>
                </c:pt>
                <c:pt idx="7">
                  <c:v>0.35</c:v>
                </c:pt>
                <c:pt idx="8">
                  <c:v>0</c:v>
                </c:pt>
                <c:pt idx="9">
                  <c:v>0</c:v>
                </c:pt>
              </c:numCache>
            </c:numRef>
          </c:val>
          <c:extLst xmlns:c16r2="http://schemas.microsoft.com/office/drawing/2015/06/chart">
            <c:ext xmlns:c16="http://schemas.microsoft.com/office/drawing/2014/chart" uri="{C3380CC4-5D6E-409C-BE32-E72D297353CC}">
              <c16:uniqueId val="{00000000-E57C-468F-A63F-36CAB1B1693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E57C-468F-A63F-36CAB1B1693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E57C-468F-A63F-36CAB1B1693C}"/>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E57C-468F-A63F-36CAB1B1693C}"/>
            </c:ext>
          </c:extLst>
        </c:ser>
        <c:ser>
          <c:idx val="4"/>
          <c:order val="4"/>
          <c:tx>
            <c:strRef>
              <c:f>データシート!$A$31</c:f>
              <c:strCache>
                <c:ptCount val="1"/>
                <c:pt idx="0">
                  <c:v>深谷中央特定土地区画整理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03</c:v>
                </c:pt>
                <c:pt idx="2">
                  <c:v>#N/A</c:v>
                </c:pt>
                <c:pt idx="3">
                  <c:v>0.03</c:v>
                </c:pt>
                <c:pt idx="4">
                  <c:v>#N/A</c:v>
                </c:pt>
                <c:pt idx="5">
                  <c:v>0.03</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4-E57C-468F-A63F-36CAB1B1693C}"/>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03</c:v>
                </c:pt>
                <c:pt idx="2">
                  <c:v>#N/A</c:v>
                </c:pt>
                <c:pt idx="3">
                  <c:v>0.09</c:v>
                </c:pt>
                <c:pt idx="4">
                  <c:v>#N/A</c:v>
                </c:pt>
                <c:pt idx="5">
                  <c:v>0</c:v>
                </c:pt>
                <c:pt idx="6">
                  <c:v>#N/A</c:v>
                </c:pt>
                <c:pt idx="7">
                  <c:v>0.04</c:v>
                </c:pt>
                <c:pt idx="8">
                  <c:v>#N/A</c:v>
                </c:pt>
                <c:pt idx="9">
                  <c:v>0.09</c:v>
                </c:pt>
              </c:numCache>
            </c:numRef>
          </c:val>
          <c:extLst xmlns:c16r2="http://schemas.microsoft.com/office/drawing/2015/06/chart">
            <c:ext xmlns:c16="http://schemas.microsoft.com/office/drawing/2014/chart" uri="{C3380CC4-5D6E-409C-BE32-E72D297353CC}">
              <c16:uniqueId val="{00000005-E57C-468F-A63F-36CAB1B1693C}"/>
            </c:ext>
          </c:extLst>
        </c:ser>
        <c:ser>
          <c:idx val="6"/>
          <c:order val="6"/>
          <c:tx>
            <c:strRef>
              <c:f>データシート!$A$33</c:f>
              <c:strCache>
                <c:ptCount val="1"/>
                <c:pt idx="0">
                  <c:v>公共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0</c:v>
                </c:pt>
                <c:pt idx="1">
                  <c:v>0</c:v>
                </c:pt>
                <c:pt idx="2">
                  <c:v>0</c:v>
                </c:pt>
                <c:pt idx="3">
                  <c:v>0</c:v>
                </c:pt>
                <c:pt idx="4">
                  <c:v>0</c:v>
                </c:pt>
                <c:pt idx="5">
                  <c:v>0</c:v>
                </c:pt>
                <c:pt idx="6">
                  <c:v>0</c:v>
                </c:pt>
                <c:pt idx="7">
                  <c:v>0</c:v>
                </c:pt>
                <c:pt idx="8">
                  <c:v>#N/A</c:v>
                </c:pt>
                <c:pt idx="9">
                  <c:v>0.13</c:v>
                </c:pt>
              </c:numCache>
            </c:numRef>
          </c:val>
          <c:extLst xmlns:c16r2="http://schemas.microsoft.com/office/drawing/2015/06/chart">
            <c:ext xmlns:c16="http://schemas.microsoft.com/office/drawing/2014/chart" uri="{C3380CC4-5D6E-409C-BE32-E72D297353CC}">
              <c16:uniqueId val="{00000006-E57C-468F-A63F-36CAB1B1693C}"/>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0.37</c:v>
                </c:pt>
                <c:pt idx="2">
                  <c:v>#N/A</c:v>
                </c:pt>
                <c:pt idx="3">
                  <c:v>0.81</c:v>
                </c:pt>
                <c:pt idx="4">
                  <c:v>#N/A</c:v>
                </c:pt>
                <c:pt idx="5">
                  <c:v>0.06</c:v>
                </c:pt>
                <c:pt idx="6">
                  <c:v>#N/A</c:v>
                </c:pt>
                <c:pt idx="7">
                  <c:v>0.06</c:v>
                </c:pt>
                <c:pt idx="8">
                  <c:v>#N/A</c:v>
                </c:pt>
                <c:pt idx="9">
                  <c:v>0.14000000000000001</c:v>
                </c:pt>
              </c:numCache>
            </c:numRef>
          </c:val>
          <c:extLst xmlns:c16r2="http://schemas.microsoft.com/office/drawing/2015/06/chart">
            <c:ext xmlns:c16="http://schemas.microsoft.com/office/drawing/2014/chart" uri="{C3380CC4-5D6E-409C-BE32-E72D297353CC}">
              <c16:uniqueId val="{00000007-E57C-468F-A63F-36CAB1B1693C}"/>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0.34</c:v>
                </c:pt>
                <c:pt idx="2">
                  <c:v>#N/A</c:v>
                </c:pt>
                <c:pt idx="3">
                  <c:v>0.57999999999999996</c:v>
                </c:pt>
                <c:pt idx="4">
                  <c:v>#N/A</c:v>
                </c:pt>
                <c:pt idx="5">
                  <c:v>0.62</c:v>
                </c:pt>
                <c:pt idx="6">
                  <c:v>#N/A</c:v>
                </c:pt>
                <c:pt idx="7">
                  <c:v>0.37</c:v>
                </c:pt>
                <c:pt idx="8">
                  <c:v>#N/A</c:v>
                </c:pt>
                <c:pt idx="9">
                  <c:v>0.51</c:v>
                </c:pt>
              </c:numCache>
            </c:numRef>
          </c:val>
          <c:extLst xmlns:c16r2="http://schemas.microsoft.com/office/drawing/2015/06/chart">
            <c:ext xmlns:c16="http://schemas.microsoft.com/office/drawing/2014/chart" uri="{C3380CC4-5D6E-409C-BE32-E72D297353CC}">
              <c16:uniqueId val="{00000008-E57C-468F-A63F-36CAB1B1693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5999999999999996</c:v>
                </c:pt>
                <c:pt idx="2">
                  <c:v>#N/A</c:v>
                </c:pt>
                <c:pt idx="3">
                  <c:v>5.85</c:v>
                </c:pt>
                <c:pt idx="4">
                  <c:v>#N/A</c:v>
                </c:pt>
                <c:pt idx="5">
                  <c:v>5.08</c:v>
                </c:pt>
                <c:pt idx="6">
                  <c:v>#N/A</c:v>
                </c:pt>
                <c:pt idx="7">
                  <c:v>5.24</c:v>
                </c:pt>
                <c:pt idx="8">
                  <c:v>#N/A</c:v>
                </c:pt>
                <c:pt idx="9">
                  <c:v>6.79</c:v>
                </c:pt>
              </c:numCache>
            </c:numRef>
          </c:val>
          <c:extLst xmlns:c16r2="http://schemas.microsoft.com/office/drawing/2015/06/chart">
            <c:ext xmlns:c16="http://schemas.microsoft.com/office/drawing/2014/chart" uri="{C3380CC4-5D6E-409C-BE32-E72D297353CC}">
              <c16:uniqueId val="{00000009-E57C-468F-A63F-36CAB1B1693C}"/>
            </c:ext>
          </c:extLst>
        </c:ser>
        <c:dLbls>
          <c:showLegendKey val="0"/>
          <c:showVal val="0"/>
          <c:showCatName val="0"/>
          <c:showSerName val="0"/>
          <c:showPercent val="0"/>
          <c:showBubbleSize val="0"/>
        </c:dLbls>
        <c:gapWidth val="150"/>
        <c:overlap val="100"/>
        <c:axId val="506347792"/>
        <c:axId val="506350144"/>
      </c:barChart>
      <c:catAx>
        <c:axId val="50634779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50144"/>
        <c:crosses val="autoZero"/>
        <c:auto val="1"/>
        <c:lblAlgn val="ctr"/>
        <c:lblOffset val="100"/>
        <c:tickLblSkip val="1"/>
        <c:tickMarkSkip val="1"/>
        <c:noMultiLvlLbl val="0"/>
      </c:catAx>
      <c:valAx>
        <c:axId val="50635014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779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2328</c:v>
                </c:pt>
                <c:pt idx="5">
                  <c:v>2375</c:v>
                </c:pt>
                <c:pt idx="8">
                  <c:v>2382</c:v>
                </c:pt>
                <c:pt idx="11">
                  <c:v>2368</c:v>
                </c:pt>
                <c:pt idx="14">
                  <c:v>2448</c:v>
                </c:pt>
              </c:numCache>
            </c:numRef>
          </c:val>
          <c:extLst xmlns:c16r2="http://schemas.microsoft.com/office/drawing/2015/06/chart">
            <c:ext xmlns:c16="http://schemas.microsoft.com/office/drawing/2014/chart" uri="{C3380CC4-5D6E-409C-BE32-E72D297353CC}">
              <c16:uniqueId val="{00000000-6911-48A6-AC77-EFD5A7B5442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6911-48A6-AC77-EFD5A7B5442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299</c:v>
                </c:pt>
                <c:pt idx="3">
                  <c:v>661</c:v>
                </c:pt>
                <c:pt idx="6">
                  <c:v>159</c:v>
                </c:pt>
                <c:pt idx="9">
                  <c:v>3</c:v>
                </c:pt>
                <c:pt idx="12">
                  <c:v>333</c:v>
                </c:pt>
              </c:numCache>
            </c:numRef>
          </c:val>
          <c:extLst xmlns:c16r2="http://schemas.microsoft.com/office/drawing/2015/06/chart">
            <c:ext xmlns:c16="http://schemas.microsoft.com/office/drawing/2014/chart" uri="{C3380CC4-5D6E-409C-BE32-E72D297353CC}">
              <c16:uniqueId val="{00000002-6911-48A6-AC77-EFD5A7B5442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12</c:v>
                </c:pt>
                <c:pt idx="3">
                  <c:v>0</c:v>
                </c:pt>
                <c:pt idx="6">
                  <c:v>19</c:v>
                </c:pt>
                <c:pt idx="9">
                  <c:v>45</c:v>
                </c:pt>
                <c:pt idx="12">
                  <c:v>97</c:v>
                </c:pt>
              </c:numCache>
            </c:numRef>
          </c:val>
          <c:extLst xmlns:c16r2="http://schemas.microsoft.com/office/drawing/2015/06/chart">
            <c:ext xmlns:c16="http://schemas.microsoft.com/office/drawing/2014/chart" uri="{C3380CC4-5D6E-409C-BE32-E72D297353CC}">
              <c16:uniqueId val="{00000003-6911-48A6-AC77-EFD5A7B5442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1170</c:v>
                </c:pt>
                <c:pt idx="3">
                  <c:v>1203</c:v>
                </c:pt>
                <c:pt idx="6">
                  <c:v>1202</c:v>
                </c:pt>
                <c:pt idx="9">
                  <c:v>1166</c:v>
                </c:pt>
                <c:pt idx="12">
                  <c:v>681</c:v>
                </c:pt>
              </c:numCache>
            </c:numRef>
          </c:val>
          <c:extLst xmlns:c16r2="http://schemas.microsoft.com/office/drawing/2015/06/chart">
            <c:ext xmlns:c16="http://schemas.microsoft.com/office/drawing/2014/chart" uri="{C3380CC4-5D6E-409C-BE32-E72D297353CC}">
              <c16:uniqueId val="{00000004-6911-48A6-AC77-EFD5A7B5442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911-48A6-AC77-EFD5A7B5442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6911-48A6-AC77-EFD5A7B5442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1865</c:v>
                </c:pt>
                <c:pt idx="3">
                  <c:v>1895</c:v>
                </c:pt>
                <c:pt idx="6">
                  <c:v>1957</c:v>
                </c:pt>
                <c:pt idx="9">
                  <c:v>2009</c:v>
                </c:pt>
                <c:pt idx="12">
                  <c:v>2018</c:v>
                </c:pt>
              </c:numCache>
            </c:numRef>
          </c:val>
          <c:extLst xmlns:c16r2="http://schemas.microsoft.com/office/drawing/2015/06/chart">
            <c:ext xmlns:c16="http://schemas.microsoft.com/office/drawing/2014/chart" uri="{C3380CC4-5D6E-409C-BE32-E72D297353CC}">
              <c16:uniqueId val="{00000007-6911-48A6-AC77-EFD5A7B5442F}"/>
            </c:ext>
          </c:extLst>
        </c:ser>
        <c:dLbls>
          <c:showLegendKey val="0"/>
          <c:showVal val="0"/>
          <c:showCatName val="0"/>
          <c:showSerName val="0"/>
          <c:showPercent val="0"/>
          <c:showBubbleSize val="0"/>
        </c:dLbls>
        <c:gapWidth val="100"/>
        <c:overlap val="100"/>
        <c:axId val="506348184"/>
        <c:axId val="50634857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018</c:v>
                </c:pt>
                <c:pt idx="2">
                  <c:v>#N/A</c:v>
                </c:pt>
                <c:pt idx="3">
                  <c:v>#N/A</c:v>
                </c:pt>
                <c:pt idx="4">
                  <c:v>1384</c:v>
                </c:pt>
                <c:pt idx="5">
                  <c:v>#N/A</c:v>
                </c:pt>
                <c:pt idx="6">
                  <c:v>#N/A</c:v>
                </c:pt>
                <c:pt idx="7">
                  <c:v>955</c:v>
                </c:pt>
                <c:pt idx="8">
                  <c:v>#N/A</c:v>
                </c:pt>
                <c:pt idx="9">
                  <c:v>#N/A</c:v>
                </c:pt>
                <c:pt idx="10">
                  <c:v>855</c:v>
                </c:pt>
                <c:pt idx="11">
                  <c:v>#N/A</c:v>
                </c:pt>
                <c:pt idx="12">
                  <c:v>#N/A</c:v>
                </c:pt>
                <c:pt idx="13">
                  <c:v>681</c:v>
                </c:pt>
                <c:pt idx="14">
                  <c:v>#N/A</c:v>
                </c:pt>
              </c:numCache>
            </c:numRef>
          </c:val>
          <c:smooth val="0"/>
          <c:extLst xmlns:c16r2="http://schemas.microsoft.com/office/drawing/2015/06/chart">
            <c:ext xmlns:c16="http://schemas.microsoft.com/office/drawing/2014/chart" uri="{C3380CC4-5D6E-409C-BE32-E72D297353CC}">
              <c16:uniqueId val="{00000008-6911-48A6-AC77-EFD5A7B5442F}"/>
            </c:ext>
          </c:extLst>
        </c:ser>
        <c:dLbls>
          <c:showLegendKey val="0"/>
          <c:showVal val="0"/>
          <c:showCatName val="0"/>
          <c:showSerName val="0"/>
          <c:showPercent val="0"/>
          <c:showBubbleSize val="0"/>
        </c:dLbls>
        <c:marker val="1"/>
        <c:smooth val="0"/>
        <c:axId val="506348184"/>
        <c:axId val="506348576"/>
      </c:lineChart>
      <c:catAx>
        <c:axId val="5063481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8576"/>
        <c:crosses val="autoZero"/>
        <c:auto val="1"/>
        <c:lblAlgn val="ctr"/>
        <c:lblOffset val="100"/>
        <c:tickLblSkip val="1"/>
        <c:tickMarkSkip val="1"/>
        <c:noMultiLvlLbl val="0"/>
      </c:catAx>
      <c:valAx>
        <c:axId val="50634857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81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21919</c:v>
                </c:pt>
                <c:pt idx="5">
                  <c:v>21944</c:v>
                </c:pt>
                <c:pt idx="8">
                  <c:v>21725</c:v>
                </c:pt>
                <c:pt idx="11">
                  <c:v>21217</c:v>
                </c:pt>
                <c:pt idx="14">
                  <c:v>20671</c:v>
                </c:pt>
              </c:numCache>
            </c:numRef>
          </c:val>
          <c:extLst xmlns:c16r2="http://schemas.microsoft.com/office/drawing/2015/06/chart">
            <c:ext xmlns:c16="http://schemas.microsoft.com/office/drawing/2014/chart" uri="{C3380CC4-5D6E-409C-BE32-E72D297353CC}">
              <c16:uniqueId val="{00000000-D27D-4659-9E04-E0672E18B47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2690</c:v>
                </c:pt>
                <c:pt idx="5">
                  <c:v>2606</c:v>
                </c:pt>
                <c:pt idx="8">
                  <c:v>2423</c:v>
                </c:pt>
                <c:pt idx="11">
                  <c:v>2305</c:v>
                </c:pt>
                <c:pt idx="14">
                  <c:v>2443</c:v>
                </c:pt>
              </c:numCache>
            </c:numRef>
          </c:val>
          <c:extLst xmlns:c16r2="http://schemas.microsoft.com/office/drawing/2015/06/chart">
            <c:ext xmlns:c16="http://schemas.microsoft.com/office/drawing/2014/chart" uri="{C3380CC4-5D6E-409C-BE32-E72D297353CC}">
              <c16:uniqueId val="{00000001-D27D-4659-9E04-E0672E18B47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2802</c:v>
                </c:pt>
                <c:pt idx="5">
                  <c:v>2551</c:v>
                </c:pt>
                <c:pt idx="8">
                  <c:v>2629</c:v>
                </c:pt>
                <c:pt idx="11">
                  <c:v>3280</c:v>
                </c:pt>
                <c:pt idx="14">
                  <c:v>3571</c:v>
                </c:pt>
              </c:numCache>
            </c:numRef>
          </c:val>
          <c:extLst xmlns:c16r2="http://schemas.microsoft.com/office/drawing/2015/06/chart">
            <c:ext xmlns:c16="http://schemas.microsoft.com/office/drawing/2014/chart" uri="{C3380CC4-5D6E-409C-BE32-E72D297353CC}">
              <c16:uniqueId val="{00000002-D27D-4659-9E04-E0672E18B47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27D-4659-9E04-E0672E18B47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D27D-4659-9E04-E0672E18B47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D27D-4659-9E04-E0672E18B47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5395</c:v>
                </c:pt>
                <c:pt idx="3">
                  <c:v>5432</c:v>
                </c:pt>
                <c:pt idx="6">
                  <c:v>5148</c:v>
                </c:pt>
                <c:pt idx="9">
                  <c:v>5025</c:v>
                </c:pt>
                <c:pt idx="12">
                  <c:v>4949</c:v>
                </c:pt>
              </c:numCache>
            </c:numRef>
          </c:val>
          <c:extLst xmlns:c16r2="http://schemas.microsoft.com/office/drawing/2015/06/chart">
            <c:ext xmlns:c16="http://schemas.microsoft.com/office/drawing/2014/chart" uri="{C3380CC4-5D6E-409C-BE32-E72D297353CC}">
              <c16:uniqueId val="{00000006-D27D-4659-9E04-E0672E18B47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765</c:v>
                </c:pt>
                <c:pt idx="3">
                  <c:v>1869</c:v>
                </c:pt>
                <c:pt idx="6">
                  <c:v>3479</c:v>
                </c:pt>
                <c:pt idx="9">
                  <c:v>3484</c:v>
                </c:pt>
                <c:pt idx="12">
                  <c:v>3460</c:v>
                </c:pt>
              </c:numCache>
            </c:numRef>
          </c:val>
          <c:extLst xmlns:c16r2="http://schemas.microsoft.com/office/drawing/2015/06/chart">
            <c:ext xmlns:c16="http://schemas.microsoft.com/office/drawing/2014/chart" uri="{C3380CC4-5D6E-409C-BE32-E72D297353CC}">
              <c16:uniqueId val="{00000007-D27D-4659-9E04-E0672E18B47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0102</c:v>
                </c:pt>
                <c:pt idx="3">
                  <c:v>9523</c:v>
                </c:pt>
                <c:pt idx="6">
                  <c:v>8745</c:v>
                </c:pt>
                <c:pt idx="9">
                  <c:v>8062</c:v>
                </c:pt>
                <c:pt idx="12">
                  <c:v>6177</c:v>
                </c:pt>
              </c:numCache>
            </c:numRef>
          </c:val>
          <c:extLst xmlns:c16r2="http://schemas.microsoft.com/office/drawing/2015/06/chart">
            <c:ext xmlns:c16="http://schemas.microsoft.com/office/drawing/2014/chart" uri="{C3380CC4-5D6E-409C-BE32-E72D297353CC}">
              <c16:uniqueId val="{00000008-D27D-4659-9E04-E0672E18B47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248</c:v>
                </c:pt>
                <c:pt idx="3">
                  <c:v>1017</c:v>
                </c:pt>
                <c:pt idx="6">
                  <c:v>591</c:v>
                </c:pt>
                <c:pt idx="9">
                  <c:v>420</c:v>
                </c:pt>
                <c:pt idx="12">
                  <c:v>452</c:v>
                </c:pt>
              </c:numCache>
            </c:numRef>
          </c:val>
          <c:extLst xmlns:c16r2="http://schemas.microsoft.com/office/drawing/2015/06/chart">
            <c:ext xmlns:c16="http://schemas.microsoft.com/office/drawing/2014/chart" uri="{C3380CC4-5D6E-409C-BE32-E72D297353CC}">
              <c16:uniqueId val="{00000009-D27D-4659-9E04-E0672E18B47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16310</c:v>
                </c:pt>
                <c:pt idx="3">
                  <c:v>16687</c:v>
                </c:pt>
                <c:pt idx="6">
                  <c:v>16694</c:v>
                </c:pt>
                <c:pt idx="9">
                  <c:v>16801</c:v>
                </c:pt>
                <c:pt idx="12">
                  <c:v>15881</c:v>
                </c:pt>
              </c:numCache>
            </c:numRef>
          </c:val>
          <c:extLst xmlns:c16r2="http://schemas.microsoft.com/office/drawing/2015/06/chart">
            <c:ext xmlns:c16="http://schemas.microsoft.com/office/drawing/2014/chart" uri="{C3380CC4-5D6E-409C-BE32-E72D297353CC}">
              <c16:uniqueId val="{0000000A-D27D-4659-9E04-E0672E18B477}"/>
            </c:ext>
          </c:extLst>
        </c:ser>
        <c:dLbls>
          <c:showLegendKey val="0"/>
          <c:showVal val="0"/>
          <c:showCatName val="0"/>
          <c:showSerName val="0"/>
          <c:showPercent val="0"/>
          <c:showBubbleSize val="0"/>
        </c:dLbls>
        <c:gapWidth val="100"/>
        <c:overlap val="100"/>
        <c:axId val="480986984"/>
        <c:axId val="48098149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6408</c:v>
                </c:pt>
                <c:pt idx="2">
                  <c:v>#N/A</c:v>
                </c:pt>
                <c:pt idx="3">
                  <c:v>#N/A</c:v>
                </c:pt>
                <c:pt idx="4">
                  <c:v>7426</c:v>
                </c:pt>
                <c:pt idx="5">
                  <c:v>#N/A</c:v>
                </c:pt>
                <c:pt idx="6">
                  <c:v>#N/A</c:v>
                </c:pt>
                <c:pt idx="7">
                  <c:v>7880</c:v>
                </c:pt>
                <c:pt idx="8">
                  <c:v>#N/A</c:v>
                </c:pt>
                <c:pt idx="9">
                  <c:v>#N/A</c:v>
                </c:pt>
                <c:pt idx="10">
                  <c:v>6989</c:v>
                </c:pt>
                <c:pt idx="11">
                  <c:v>#N/A</c:v>
                </c:pt>
                <c:pt idx="12">
                  <c:v>#N/A</c:v>
                </c:pt>
                <c:pt idx="13">
                  <c:v>4233</c:v>
                </c:pt>
                <c:pt idx="14">
                  <c:v>#N/A</c:v>
                </c:pt>
              </c:numCache>
            </c:numRef>
          </c:val>
          <c:smooth val="0"/>
          <c:extLst xmlns:c16r2="http://schemas.microsoft.com/office/drawing/2015/06/chart">
            <c:ext xmlns:c16="http://schemas.microsoft.com/office/drawing/2014/chart" uri="{C3380CC4-5D6E-409C-BE32-E72D297353CC}">
              <c16:uniqueId val="{0000000B-D27D-4659-9E04-E0672E18B477}"/>
            </c:ext>
          </c:extLst>
        </c:ser>
        <c:dLbls>
          <c:showLegendKey val="0"/>
          <c:showVal val="0"/>
          <c:showCatName val="0"/>
          <c:showSerName val="0"/>
          <c:showPercent val="0"/>
          <c:showBubbleSize val="0"/>
        </c:dLbls>
        <c:marker val="1"/>
        <c:smooth val="0"/>
        <c:axId val="480986984"/>
        <c:axId val="480981496"/>
      </c:lineChart>
      <c:catAx>
        <c:axId val="4809869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1496"/>
        <c:crosses val="autoZero"/>
        <c:auto val="1"/>
        <c:lblAlgn val="ctr"/>
        <c:lblOffset val="100"/>
        <c:tickLblSkip val="1"/>
        <c:tickMarkSkip val="1"/>
        <c:noMultiLvlLbl val="0"/>
      </c:catAx>
      <c:valAx>
        <c:axId val="48098149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69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587</c:v>
                </c:pt>
                <c:pt idx="1">
                  <c:v>2055</c:v>
                </c:pt>
                <c:pt idx="2">
                  <c:v>2227</c:v>
                </c:pt>
              </c:numCache>
            </c:numRef>
          </c:val>
          <c:extLst xmlns:c16r2="http://schemas.microsoft.com/office/drawing/2015/06/chart">
            <c:ext xmlns:c16="http://schemas.microsoft.com/office/drawing/2014/chart" uri="{C3380CC4-5D6E-409C-BE32-E72D297353CC}">
              <c16:uniqueId val="{00000000-3402-4517-97BF-F30AA92DF0B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3402-4517-97BF-F30AA92DF0B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658</c:v>
                </c:pt>
                <c:pt idx="1">
                  <c:v>767</c:v>
                </c:pt>
                <c:pt idx="2">
                  <c:v>910</c:v>
                </c:pt>
              </c:numCache>
            </c:numRef>
          </c:val>
          <c:extLst xmlns:c16r2="http://schemas.microsoft.com/office/drawing/2015/06/chart">
            <c:ext xmlns:c16="http://schemas.microsoft.com/office/drawing/2014/chart" uri="{C3380CC4-5D6E-409C-BE32-E72D297353CC}">
              <c16:uniqueId val="{00000002-3402-4517-97BF-F30AA92DF0BC}"/>
            </c:ext>
          </c:extLst>
        </c:ser>
        <c:dLbls>
          <c:showLegendKey val="0"/>
          <c:showVal val="0"/>
          <c:showCatName val="0"/>
          <c:showSerName val="0"/>
          <c:showPercent val="0"/>
          <c:showBubbleSize val="0"/>
        </c:dLbls>
        <c:gapWidth val="120"/>
        <c:overlap val="100"/>
        <c:axId val="480982280"/>
        <c:axId val="480982672"/>
      </c:barChart>
      <c:catAx>
        <c:axId val="4809822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982672"/>
        <c:crosses val="autoZero"/>
        <c:auto val="1"/>
        <c:lblAlgn val="ctr"/>
        <c:lblOffset val="100"/>
        <c:tickLblSkip val="1"/>
        <c:tickMarkSkip val="1"/>
        <c:noMultiLvlLbl val="0"/>
      </c:catAx>
      <c:valAx>
        <c:axId val="48098267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9822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500-43D3-B514-257B857B2E48}"/>
                </c:ext>
                <c:ext xmlns:c15="http://schemas.microsoft.com/office/drawing/2012/chart" uri="{CE6537A1-D6FC-4f65-9D91-7224C49458BB}">
                  <c15:dlblFieldTable>
                    <c15:dlblFTEntry>
                      <c15:txfldGUID>{DCF78C4A-7304-4CC3-A130-4C9D74F876F0}</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500-43D3-B514-257B857B2E48}"/>
                </c:ext>
                <c:ext xmlns:c15="http://schemas.microsoft.com/office/drawing/2012/chart" uri="{CE6537A1-D6FC-4f65-9D91-7224C49458BB}">
                  <c15:dlblFieldTable>
                    <c15:dlblFTEntry>
                      <c15:txfldGUID>{259F1C22-BC4A-42F9-AB1C-B225850C332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500-43D3-B514-257B857B2E48}"/>
                </c:ext>
                <c:ext xmlns:c15="http://schemas.microsoft.com/office/drawing/2012/chart" uri="{CE6537A1-D6FC-4f65-9D91-7224C49458BB}">
                  <c15:dlblFieldTable>
                    <c15:dlblFTEntry>
                      <c15:txfldGUID>{1113CE76-86C0-4028-B16A-7A6F2452CAD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500-43D3-B514-257B857B2E48}"/>
                </c:ext>
                <c:ext xmlns:c15="http://schemas.microsoft.com/office/drawing/2012/chart" uri="{CE6537A1-D6FC-4f65-9D91-7224C49458BB}">
                  <c15:dlblFieldTable>
                    <c15:dlblFTEntry>
                      <c15:txfldGUID>{CB0D0DC5-2C5C-41CC-A60D-C584F42C4D8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500-43D3-B514-257B857B2E48}"/>
                </c:ext>
                <c:ext xmlns:c15="http://schemas.microsoft.com/office/drawing/2012/chart" uri="{CE6537A1-D6FC-4f65-9D91-7224C49458BB}">
                  <c15:dlblFieldTable>
                    <c15:dlblFTEntry>
                      <c15:txfldGUID>{152095CA-CE1C-4CC8-B577-AD47B32069BB}</c15:txfldGUID>
                      <c15:f>#REF!</c15:f>
                      <c15:dlblFieldTableCache>
                        <c:ptCount val="1"/>
                        <c:pt idx="0">
                          <c:v>#REF!</c:v>
                        </c:pt>
                      </c15:dlblFieldTableCache>
                    </c15:dlblFTEntry>
                  </c15:dlblFieldTable>
                  <c15:showDataLabelsRange val="0"/>
                </c:ext>
              </c:extLst>
            </c:dLbl>
            <c:dLbl>
              <c:idx val="8"/>
              <c:layout>
                <c:manualLayout>
                  <c:x val="0"/>
                  <c:y val="-1.3552056058274651E-4"/>
                </c:manualLayout>
              </c:layout>
              <c:tx>
                <c:strRef>
                  <c:f>公会計指標分析・財政指標組合せ分析表!$BX$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500-43D3-B514-257B857B2E48}"/>
                </c:ext>
                <c:ext xmlns:c15="http://schemas.microsoft.com/office/drawing/2012/chart" uri="{CE6537A1-D6FC-4f65-9D91-7224C49458BB}">
                  <c15:dlblFieldTable>
                    <c15:dlblFTEntry>
                      <c15:txfldGUID>{097BE8D8-1AEE-473F-8945-C75A31FF0B4E}</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0"/>
                  <c:y val="1.3552056058266382E-4"/>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500-43D3-B514-257B857B2E48}"/>
                </c:ext>
                <c:ext xmlns:c15="http://schemas.microsoft.com/office/drawing/2012/chart" uri="{CE6537A1-D6FC-4f65-9D91-7224C49458BB}">
                  <c15:dlblFieldTable>
                    <c15:dlblFTEntry>
                      <c15:txfldGUID>{74E0AE53-2DE0-49F7-AD84-7CA89D281AA6}</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500-43D3-B514-257B857B2E48}"/>
                </c:ext>
                <c:ext xmlns:c15="http://schemas.microsoft.com/office/drawing/2012/chart" uri="{CE6537A1-D6FC-4f65-9D91-7224C49458BB}">
                  <c15:dlblFieldTable>
                    <c15:dlblFTEntry>
                      <c15:txfldGUID>{B21BDC59-F0B7-4434-80FB-D4B36A23C058}</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500-43D3-B514-257B857B2E48}"/>
                </c:ext>
                <c:ext xmlns:c15="http://schemas.microsoft.com/office/drawing/2012/chart" uri="{CE6537A1-D6FC-4f65-9D91-7224C49458BB}">
                  <c15:dlblFieldTable>
                    <c15:dlblFTEntry>
                      <c15:txfldGUID>{FCA1C15D-6C8E-4666-8F43-8777CFAA8354}</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33.5</c:v>
                </c:pt>
                <c:pt idx="8">
                  <c:v>34.299999999999997</c:v>
                </c:pt>
                <c:pt idx="16">
                  <c:v>35.200000000000003</c:v>
                </c:pt>
                <c:pt idx="24">
                  <c:v>36.200000000000003</c:v>
                </c:pt>
                <c:pt idx="32">
                  <c:v>37.5</c:v>
                </c:pt>
              </c:numCache>
            </c:numRef>
          </c:xVal>
          <c:yVal>
            <c:numRef>
              <c:f>公会計指標分析・財政指標組合せ分析表!$BP$51:$DC$51</c:f>
              <c:numCache>
                <c:formatCode>#,##0.0;"▲ "#,##0.0</c:formatCode>
                <c:ptCount val="40"/>
                <c:pt idx="0">
                  <c:v>46</c:v>
                </c:pt>
                <c:pt idx="8">
                  <c:v>52.9</c:v>
                </c:pt>
                <c:pt idx="16">
                  <c:v>55.4</c:v>
                </c:pt>
                <c:pt idx="24">
                  <c:v>48.8</c:v>
                </c:pt>
                <c:pt idx="32">
                  <c:v>28.9</c:v>
                </c:pt>
              </c:numCache>
            </c:numRef>
          </c:yVal>
          <c:smooth val="0"/>
          <c:extLst xmlns:c16r2="http://schemas.microsoft.com/office/drawing/2015/06/chart">
            <c:ext xmlns:c16="http://schemas.microsoft.com/office/drawing/2014/chart" uri="{C3380CC4-5D6E-409C-BE32-E72D297353CC}">
              <c16:uniqueId val="{00000009-8500-43D3-B514-257B857B2E48}"/>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500-43D3-B514-257B857B2E48}"/>
                </c:ext>
                <c:ext xmlns:c15="http://schemas.microsoft.com/office/drawing/2012/chart" uri="{CE6537A1-D6FC-4f65-9D91-7224C49458BB}">
                  <c15:dlblFieldTable>
                    <c15:dlblFTEntry>
                      <c15:txfldGUID>{640ADA8E-709B-4AFC-AB0F-8940F24C055D}</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500-43D3-B514-257B857B2E48}"/>
                </c:ext>
                <c:ext xmlns:c15="http://schemas.microsoft.com/office/drawing/2012/chart" uri="{CE6537A1-D6FC-4f65-9D91-7224C49458BB}">
                  <c15:dlblFieldTable>
                    <c15:dlblFTEntry>
                      <c15:txfldGUID>{F7042818-52C3-43A0-82E5-D28A7CCF95B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500-43D3-B514-257B857B2E48}"/>
                </c:ext>
                <c:ext xmlns:c15="http://schemas.microsoft.com/office/drawing/2012/chart" uri="{CE6537A1-D6FC-4f65-9D91-7224C49458BB}">
                  <c15:dlblFieldTable>
                    <c15:dlblFTEntry>
                      <c15:txfldGUID>{02899347-2B5C-4369-8A33-628D9D9EDE2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500-43D3-B514-257B857B2E48}"/>
                </c:ext>
                <c:ext xmlns:c15="http://schemas.microsoft.com/office/drawing/2012/chart" uri="{CE6537A1-D6FC-4f65-9D91-7224C49458BB}">
                  <c15:dlblFieldTable>
                    <c15:dlblFTEntry>
                      <c15:txfldGUID>{99802246-3DBB-4025-94E7-A412349C425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500-43D3-B514-257B857B2E48}"/>
                </c:ext>
                <c:ext xmlns:c15="http://schemas.microsoft.com/office/drawing/2012/chart" uri="{CE6537A1-D6FC-4f65-9D91-7224C49458BB}">
                  <c15:dlblFieldTable>
                    <c15:dlblFTEntry>
                      <c15:txfldGUID>{1A31FAC1-D8AE-437E-B70D-B7A2BB2E650C}</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500-43D3-B514-257B857B2E48}"/>
                </c:ext>
                <c:ext xmlns:c15="http://schemas.microsoft.com/office/drawing/2012/chart" uri="{CE6537A1-D6FC-4f65-9D91-7224C49458BB}">
                  <c15:dlblFieldTable>
                    <c15:dlblFTEntry>
                      <c15:txfldGUID>{0E6E9CA1-D11F-4E9E-B97D-795A1EB0E8CE}</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3.1294530228207364E-2"/>
                  <c:y val="-4.6673600772413913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500-43D3-B514-257B857B2E48}"/>
                </c:ext>
                <c:ext xmlns:c15="http://schemas.microsoft.com/office/drawing/2012/chart" uri="{CE6537A1-D6FC-4f65-9D91-7224C49458BB}">
                  <c15:dlblFieldTable>
                    <c15:dlblFTEntry>
                      <c15:txfldGUID>{B64DECF1-5767-4F90-8196-DC110788196C}</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4.4891784901870083E-2"/>
                  <c:y val="-6.4739042105865174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500-43D3-B514-257B857B2E48}"/>
                </c:ext>
                <c:ext xmlns:c15="http://schemas.microsoft.com/office/drawing/2012/chart" uri="{CE6537A1-D6FC-4f65-9D91-7224C49458BB}">
                  <c15:dlblFieldTable>
                    <c15:dlblFTEntry>
                      <c15:txfldGUID>{09B24ED5-A31D-4CE5-9F02-ECC38128540B}</c15:txfldGUID>
                      <c15:f>公会計指標分析・財政指標組合せ分析表!$CN$50</c15:f>
                      <c15:dlblFieldTableCache>
                        <c:ptCount val="1"/>
                        <c:pt idx="0">
                          <c:v>R01</c:v>
                        </c:pt>
                      </c15:dlblFieldTableCache>
                    </c15:dlblFTEntry>
                  </c15:dlblFieldTable>
                  <c15:showDataLabelsRange val="0"/>
                </c:ext>
              </c:extLst>
            </c:dLbl>
            <c:dLbl>
              <c:idx val="32"/>
              <c:layout>
                <c:manualLayout>
                  <c:x val="-1.9990386639963213E-2"/>
                  <c:y val="-8.280448343931647E-2"/>
                </c:manualLayout>
              </c:layout>
              <c:tx>
                <c:strRef>
                  <c:f>公会計指標分析・財政指標組合せ分析表!$CV$50</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500-43D3-B514-257B857B2E48}"/>
                </c:ext>
                <c:ext xmlns:c15="http://schemas.microsoft.com/office/drawing/2012/chart" uri="{CE6537A1-D6FC-4f65-9D91-7224C49458BB}">
                  <c15:dlblFieldTable>
                    <c15:dlblFTEntry>
                      <c15:txfldGUID>{6E635268-083A-463D-BF3A-629F7C068BD3}</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2</c:v>
                </c:pt>
                <c:pt idx="8">
                  <c:v>58.5</c:v>
                </c:pt>
                <c:pt idx="16">
                  <c:v>59.8</c:v>
                </c:pt>
                <c:pt idx="24">
                  <c:v>61.1</c:v>
                </c:pt>
                <c:pt idx="32">
                  <c:v>61</c:v>
                </c:pt>
              </c:numCache>
            </c:numRef>
          </c:xVal>
          <c:yVal>
            <c:numRef>
              <c:f>公会計指標分析・財政指標組合せ分析表!$BP$55:$DC$55</c:f>
              <c:numCache>
                <c:formatCode>#,##0.0;"▲ "#,##0.0</c:formatCode>
                <c:ptCount val="40"/>
                <c:pt idx="0">
                  <c:v>33.1</c:v>
                </c:pt>
                <c:pt idx="8">
                  <c:v>31.3</c:v>
                </c:pt>
                <c:pt idx="16">
                  <c:v>25.3</c:v>
                </c:pt>
                <c:pt idx="24">
                  <c:v>25.5</c:v>
                </c:pt>
                <c:pt idx="32">
                  <c:v>25.1</c:v>
                </c:pt>
              </c:numCache>
            </c:numRef>
          </c:yVal>
          <c:smooth val="0"/>
          <c:extLst xmlns:c16r2="http://schemas.microsoft.com/office/drawing/2015/06/chart">
            <c:ext xmlns:c16="http://schemas.microsoft.com/office/drawing/2014/chart" uri="{C3380CC4-5D6E-409C-BE32-E72D297353CC}">
              <c16:uniqueId val="{00000013-8500-43D3-B514-257B857B2E48}"/>
            </c:ext>
          </c:extLst>
        </c:ser>
        <c:dLbls>
          <c:showLegendKey val="0"/>
          <c:showVal val="1"/>
          <c:showCatName val="0"/>
          <c:showSerName val="0"/>
          <c:showPercent val="0"/>
          <c:showBubbleSize val="0"/>
        </c:dLbls>
        <c:axId val="480988552"/>
        <c:axId val="480983064"/>
      </c:scatterChart>
      <c:valAx>
        <c:axId val="480988552"/>
        <c:scaling>
          <c:orientation val="maxMin"/>
          <c:max val="70"/>
          <c:min val="3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3064"/>
        <c:crosses val="autoZero"/>
        <c:crossBetween val="midCat"/>
      </c:valAx>
      <c:valAx>
        <c:axId val="480983064"/>
        <c:scaling>
          <c:orientation val="maxMin"/>
          <c:max val="6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855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178-475D-A3C9-D905AC79A6BB}"/>
                </c:ext>
                <c:ext xmlns:c15="http://schemas.microsoft.com/office/drawing/2012/chart" uri="{CE6537A1-D6FC-4f65-9D91-7224C49458BB}">
                  <c15:dlblFieldTable>
                    <c15:dlblFTEntry>
                      <c15:txfldGUID>{C8805090-7C42-4488-901E-07E62A90526B}</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178-475D-A3C9-D905AC79A6BB}"/>
                </c:ext>
                <c:ext xmlns:c15="http://schemas.microsoft.com/office/drawing/2012/chart" uri="{CE6537A1-D6FC-4f65-9D91-7224C49458BB}">
                  <c15:dlblFieldTable>
                    <c15:dlblFTEntry>
                      <c15:txfldGUID>{72235B44-56F1-4CE1-9CC0-0374C91D0D5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178-475D-A3C9-D905AC79A6BB}"/>
                </c:ext>
                <c:ext xmlns:c15="http://schemas.microsoft.com/office/drawing/2012/chart" uri="{CE6537A1-D6FC-4f65-9D91-7224C49458BB}">
                  <c15:dlblFieldTable>
                    <c15:dlblFTEntry>
                      <c15:txfldGUID>{6F356664-6241-40CB-A8EC-1B6FE114808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178-475D-A3C9-D905AC79A6BB}"/>
                </c:ext>
                <c:ext xmlns:c15="http://schemas.microsoft.com/office/drawing/2012/chart" uri="{CE6537A1-D6FC-4f65-9D91-7224C49458BB}">
                  <c15:dlblFieldTable>
                    <c15:dlblFTEntry>
                      <c15:txfldGUID>{0280EF63-2381-465E-B6CC-12CDF4714D8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178-475D-A3C9-D905AC79A6BB}"/>
                </c:ext>
                <c:ext xmlns:c15="http://schemas.microsoft.com/office/drawing/2012/chart" uri="{CE6537A1-D6FC-4f65-9D91-7224C49458BB}">
                  <c15:dlblFieldTable>
                    <c15:dlblFTEntry>
                      <c15:txfldGUID>{DEFE9303-25F3-406C-80CE-07DE5C55D48E}</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178-475D-A3C9-D905AC79A6BB}"/>
                </c:ext>
                <c:ext xmlns:c15="http://schemas.microsoft.com/office/drawing/2012/chart" uri="{CE6537A1-D6FC-4f65-9D91-7224C49458BB}">
                  <c15:dlblFieldTable>
                    <c15:dlblFTEntry>
                      <c15:txfldGUID>{399D0A7E-4463-4F3E-8A2E-635CB9AC6B04}</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178-475D-A3C9-D905AC79A6BB}"/>
                </c:ext>
                <c:ext xmlns:c15="http://schemas.microsoft.com/office/drawing/2012/chart" uri="{CE6537A1-D6FC-4f65-9D91-7224C49458BB}">
                  <c15:dlblFieldTable>
                    <c15:dlblFTEntry>
                      <c15:txfldGUID>{6A639335-541D-4E00-9AD6-234E66A131E2}</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178-475D-A3C9-D905AC79A6BB}"/>
                </c:ext>
                <c:ext xmlns:c15="http://schemas.microsoft.com/office/drawing/2012/chart" uri="{CE6537A1-D6FC-4f65-9D91-7224C49458BB}">
                  <c15:dlblFieldTable>
                    <c15:dlblFTEntry>
                      <c15:txfldGUID>{9CE3D26D-9AFF-4682-A0D6-720F1B4C8171}</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178-475D-A3C9-D905AC79A6BB}"/>
                </c:ext>
                <c:ext xmlns:c15="http://schemas.microsoft.com/office/drawing/2012/chart" uri="{CE6537A1-D6FC-4f65-9D91-7224C49458BB}">
                  <c15:dlblFieldTable>
                    <c15:dlblFTEntry>
                      <c15:txfldGUID>{FE992314-C810-497F-A0F5-A6ECDD3C255A}</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2</c:v>
                </c:pt>
                <c:pt idx="8">
                  <c:v>8</c:v>
                </c:pt>
                <c:pt idx="16">
                  <c:v>7.9</c:v>
                </c:pt>
                <c:pt idx="24">
                  <c:v>7.5</c:v>
                </c:pt>
                <c:pt idx="32">
                  <c:v>5.7</c:v>
                </c:pt>
              </c:numCache>
            </c:numRef>
          </c:xVal>
          <c:yVal>
            <c:numRef>
              <c:f>公会計指標分析・財政指標組合せ分析表!$BP$73:$DC$73</c:f>
              <c:numCache>
                <c:formatCode>#,##0.0;"▲ "#,##0.0</c:formatCode>
                <c:ptCount val="40"/>
                <c:pt idx="0">
                  <c:v>46</c:v>
                </c:pt>
                <c:pt idx="8">
                  <c:v>52.9</c:v>
                </c:pt>
                <c:pt idx="16">
                  <c:v>55.4</c:v>
                </c:pt>
                <c:pt idx="24">
                  <c:v>48.8</c:v>
                </c:pt>
                <c:pt idx="32">
                  <c:v>28.9</c:v>
                </c:pt>
              </c:numCache>
            </c:numRef>
          </c:yVal>
          <c:smooth val="0"/>
          <c:extLst xmlns:c16r2="http://schemas.microsoft.com/office/drawing/2015/06/chart">
            <c:ext xmlns:c16="http://schemas.microsoft.com/office/drawing/2014/chart" uri="{C3380CC4-5D6E-409C-BE32-E72D297353CC}">
              <c16:uniqueId val="{00000009-8178-475D-A3C9-D905AC79A6B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178-475D-A3C9-D905AC79A6BB}"/>
                </c:ext>
                <c:ext xmlns:c15="http://schemas.microsoft.com/office/drawing/2012/chart" uri="{CE6537A1-D6FC-4f65-9D91-7224C49458BB}">
                  <c15:dlblFieldTable>
                    <c15:dlblFTEntry>
                      <c15:txfldGUID>{26631C2B-133D-4E0A-985B-EF6086C5A6DE}</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178-475D-A3C9-D905AC79A6BB}"/>
                </c:ext>
                <c:ext xmlns:c15="http://schemas.microsoft.com/office/drawing/2012/chart" uri="{CE6537A1-D6FC-4f65-9D91-7224C49458BB}">
                  <c15:dlblFieldTable>
                    <c15:dlblFTEntry>
                      <c15:txfldGUID>{B0B193E2-DB32-4147-A3C9-011FE0BA5F0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178-475D-A3C9-D905AC79A6BB}"/>
                </c:ext>
                <c:ext xmlns:c15="http://schemas.microsoft.com/office/drawing/2012/chart" uri="{CE6537A1-D6FC-4f65-9D91-7224C49458BB}">
                  <c15:dlblFieldTable>
                    <c15:dlblFTEntry>
                      <c15:txfldGUID>{4B6756FC-02DF-4E0B-A2F8-B7F6874DD3A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178-475D-A3C9-D905AC79A6BB}"/>
                </c:ext>
                <c:ext xmlns:c15="http://schemas.microsoft.com/office/drawing/2012/chart" uri="{CE6537A1-D6FC-4f65-9D91-7224C49458BB}">
                  <c15:dlblFieldTable>
                    <c15:dlblFTEntry>
                      <c15:txfldGUID>{ADF4F8C2-790C-4285-AD62-2E3D729E32D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178-475D-A3C9-D905AC79A6BB}"/>
                </c:ext>
                <c:ext xmlns:c15="http://schemas.microsoft.com/office/drawing/2012/chart" uri="{CE6537A1-D6FC-4f65-9D91-7224C49458BB}">
                  <c15:dlblFieldTable>
                    <c15:dlblFTEntry>
                      <c15:txfldGUID>{89433F98-7B48-4DE1-9A3F-08E3200B8345}</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178-475D-A3C9-D905AC79A6BB}"/>
                </c:ext>
                <c:ext xmlns:c15="http://schemas.microsoft.com/office/drawing/2012/chart" uri="{CE6537A1-D6FC-4f65-9D91-7224C49458BB}">
                  <c15:dlblFieldTable>
                    <c15:dlblFTEntry>
                      <c15:txfldGUID>{16069010-524B-4E75-BED3-DF329DCD24DE}</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178-475D-A3C9-D905AC79A6BB}"/>
                </c:ext>
                <c:ext xmlns:c15="http://schemas.microsoft.com/office/drawing/2012/chart" uri="{CE6537A1-D6FC-4f65-9D91-7224C49458BB}">
                  <c15:dlblFieldTable>
                    <c15:dlblFTEntry>
                      <c15:txfldGUID>{77A9BFA0-8390-446D-9470-A823A6E25F8B}</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178-475D-A3C9-D905AC79A6BB}"/>
                </c:ext>
                <c:ext xmlns:c15="http://schemas.microsoft.com/office/drawing/2012/chart" uri="{CE6537A1-D6FC-4f65-9D91-7224C49458BB}">
                  <c15:dlblFieldTable>
                    <c15:dlblFTEntry>
                      <c15:txfldGUID>{77086E0A-E33C-4815-96C1-B0C379EE439C}</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178-475D-A3C9-D905AC79A6BB}"/>
                </c:ext>
                <c:ext xmlns:c15="http://schemas.microsoft.com/office/drawing/2012/chart" uri="{CE6537A1-D6FC-4f65-9D91-7224C49458BB}">
                  <c15:dlblFieldTable>
                    <c15:dlblFTEntry>
                      <c15:txfldGUID>{289113A3-C69E-4A09-8334-852B46F74EA4}</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5</c:v>
                </c:pt>
                <c:pt idx="8">
                  <c:v>7.2</c:v>
                </c:pt>
                <c:pt idx="16">
                  <c:v>6.9</c:v>
                </c:pt>
                <c:pt idx="24">
                  <c:v>6.6</c:v>
                </c:pt>
                <c:pt idx="32">
                  <c:v>6.4</c:v>
                </c:pt>
              </c:numCache>
            </c:numRef>
          </c:xVal>
          <c:yVal>
            <c:numRef>
              <c:f>公会計指標分析・財政指標組合せ分析表!$BP$77:$DC$77</c:f>
              <c:numCache>
                <c:formatCode>#,##0.0;"▲ "#,##0.0</c:formatCode>
                <c:ptCount val="40"/>
                <c:pt idx="0">
                  <c:v>33.1</c:v>
                </c:pt>
                <c:pt idx="8">
                  <c:v>31.3</c:v>
                </c:pt>
                <c:pt idx="16">
                  <c:v>25.3</c:v>
                </c:pt>
                <c:pt idx="24">
                  <c:v>25.5</c:v>
                </c:pt>
                <c:pt idx="32">
                  <c:v>25.1</c:v>
                </c:pt>
              </c:numCache>
            </c:numRef>
          </c:yVal>
          <c:smooth val="0"/>
          <c:extLst xmlns:c16r2="http://schemas.microsoft.com/office/drawing/2015/06/chart">
            <c:ext xmlns:c16="http://schemas.microsoft.com/office/drawing/2014/chart" uri="{C3380CC4-5D6E-409C-BE32-E72D297353CC}">
              <c16:uniqueId val="{00000013-8178-475D-A3C9-D905AC79A6BB}"/>
            </c:ext>
          </c:extLst>
        </c:ser>
        <c:dLbls>
          <c:showLegendKey val="0"/>
          <c:showVal val="1"/>
          <c:showCatName val="0"/>
          <c:showSerName val="0"/>
          <c:showPercent val="0"/>
          <c:showBubbleSize val="0"/>
        </c:dLbls>
        <c:axId val="480984240"/>
        <c:axId val="480988160"/>
      </c:scatterChart>
      <c:valAx>
        <c:axId val="480984240"/>
        <c:scaling>
          <c:orientation val="maxMin"/>
          <c:max val="9"/>
          <c:min val="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8160"/>
        <c:crosses val="autoZero"/>
        <c:crossBetween val="midCat"/>
      </c:valAx>
      <c:valAx>
        <c:axId val="480988160"/>
        <c:scaling>
          <c:orientation val="maxMin"/>
          <c:max val="6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424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mn-ea"/>
              <a:ea typeface="+mn-ea"/>
            </a:rPr>
            <a:t>　</a:t>
          </a:r>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における</a:t>
          </a:r>
          <a:r>
            <a:rPr kumimoji="1" lang="ja-JP" altLang="ja-JP" sz="1100">
              <a:solidFill>
                <a:schemeClr val="dk1"/>
              </a:solidFill>
              <a:effectLst/>
              <a:latin typeface="+mn-lt"/>
              <a:ea typeface="+mn-ea"/>
              <a:cs typeface="+mn-cs"/>
            </a:rPr>
            <a:t>実質公債費比率（分子）</a:t>
          </a:r>
          <a:r>
            <a:rPr kumimoji="1" lang="ja-JP" altLang="en-US" sz="1100">
              <a:latin typeface="+mn-ea"/>
              <a:ea typeface="+mn-ea"/>
            </a:rPr>
            <a:t>は、インターチェンジ残地保留分購入による公債費に準ずる債務負担行為に係るものが増となったほか、高座施設組合の元利償還金の増に伴う一部事務組合等の起こした地方債に充てたと認められる補助金又は負担金が増となった一方、公営企業に要する経費の財源とする地方債の償還の財源に充てたと認められる繰入金が減となったことにより全体では減となった。</a:t>
          </a:r>
          <a:endParaRPr kumimoji="1" lang="en-US" altLang="ja-JP" sz="1100">
            <a:latin typeface="+mn-ea"/>
            <a:ea typeface="+mn-ea"/>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今後も引き続き、元利償還金等の推移を的確に推計し、適正な起債水準の維持に努める。</a:t>
          </a:r>
          <a:endParaRPr lang="ja-JP" altLang="ja-JP">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令和２年度における</a:t>
          </a:r>
          <a:r>
            <a:rPr kumimoji="1" lang="ja-JP" altLang="ja-JP" sz="1100">
              <a:solidFill>
                <a:schemeClr val="dk1"/>
              </a:solidFill>
              <a:effectLst/>
              <a:latin typeface="+mn-lt"/>
              <a:ea typeface="+mn-ea"/>
              <a:cs typeface="+mn-cs"/>
            </a:rPr>
            <a:t>将来負担比率（分子）は</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下水道事業等の起債残高の減少に伴う公営企業債等繰入見込額の減や消防本部庁舎建設事業の完了や、臨時財政対策債の発行額が償還額よりも低かったことによる地方債の現在高の減、高座清掃施設組合、大和斎場の起債残高の減少に伴う組合負担等見込額の減などがあったため、全体で減となった。</a:t>
          </a:r>
          <a:endParaRPr kumimoji="1" lang="en-US" altLang="ja-JP" sz="1100">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将来負担比率は依然として類似団体平均を上回っているため、今後も引き続き中・長期的な展望に基づいた計画的な事業展開を図り、起債に大きく依存しない健全な財政運営に努める。</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綾瀬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ea"/>
              <a:ea typeface="+mn-ea"/>
              <a:cs typeface="+mn-cs"/>
            </a:rPr>
            <a:t>（増減理由）</a:t>
          </a:r>
          <a:endParaRPr kumimoji="1" lang="en-US" altLang="ja-JP" sz="1100">
            <a:solidFill>
              <a:schemeClr val="dk1"/>
            </a:solidFill>
            <a:effectLst/>
            <a:latin typeface="+mn-ea"/>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財政調整基金</a:t>
          </a:r>
          <a:r>
            <a:rPr kumimoji="1" lang="ja-JP" altLang="en-US" sz="1100">
              <a:solidFill>
                <a:schemeClr val="dk1"/>
              </a:solidFill>
              <a:effectLst/>
              <a:latin typeface="+mn-lt"/>
              <a:ea typeface="+mn-ea"/>
              <a:cs typeface="+mn-cs"/>
            </a:rPr>
            <a:t>は、</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7</a:t>
          </a:r>
          <a:r>
            <a:rPr kumimoji="1" lang="ja-JP" altLang="ja-JP" sz="1100">
              <a:solidFill>
                <a:schemeClr val="dk1"/>
              </a:solidFill>
              <a:effectLst/>
              <a:latin typeface="+mn-lt"/>
              <a:ea typeface="+mn-ea"/>
              <a:cs typeface="+mn-cs"/>
            </a:rPr>
            <a:t>千万円の元金積立を行ったことから、基金残高は</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7</a:t>
          </a:r>
          <a:r>
            <a:rPr kumimoji="1" lang="ja-JP" altLang="ja-JP" sz="1100">
              <a:solidFill>
                <a:schemeClr val="dk1"/>
              </a:solidFill>
              <a:effectLst/>
              <a:latin typeface="+mn-lt"/>
              <a:ea typeface="+mn-ea"/>
              <a:cs typeface="+mn-cs"/>
            </a:rPr>
            <a:t>千万円の増となった。</a:t>
          </a:r>
          <a:endParaRPr lang="ja-JP" altLang="ja-JP">
            <a:effectLst/>
          </a:endParaRPr>
        </a:p>
        <a:p>
          <a:pPr eaLnBrk="1" fontAlgn="auto" latinLnBrk="0" hangingPunct="1"/>
          <a:r>
            <a:rPr kumimoji="1" lang="ja-JP" altLang="ja-JP" sz="1100">
              <a:solidFill>
                <a:schemeClr val="dk1"/>
              </a:solidFill>
              <a:effectLst/>
              <a:latin typeface="+mn-lt"/>
              <a:ea typeface="+mn-ea"/>
              <a:cs typeface="+mn-cs"/>
            </a:rPr>
            <a:t>・</a:t>
          </a:r>
          <a:r>
            <a:rPr lang="ja-JP" altLang="ja-JP" sz="1100">
              <a:solidFill>
                <a:schemeClr val="dk1"/>
              </a:solidFill>
              <a:effectLst/>
              <a:latin typeface="+mn-lt"/>
              <a:ea typeface="+mn-ea"/>
              <a:cs typeface="+mn-cs"/>
            </a:rPr>
            <a:t>綾瀬市公共施設等総合管理基金：令和２年度より、今後の公共施設等の計画的な保全及び更新に備えるために新設され、</a:t>
          </a:r>
          <a:r>
            <a:rPr kumimoji="1" lang="en-US" altLang="ja-JP" sz="1100">
              <a:solidFill>
                <a:schemeClr val="dk1"/>
              </a:solidFill>
              <a:effectLst/>
              <a:latin typeface="+mn-lt"/>
              <a:ea typeface="+mn-ea"/>
              <a:cs typeface="+mn-cs"/>
            </a:rPr>
            <a:t>150</a:t>
          </a:r>
          <a:r>
            <a:rPr kumimoji="1" lang="ja-JP" altLang="ja-JP" sz="1100">
              <a:solidFill>
                <a:schemeClr val="dk1"/>
              </a:solidFill>
              <a:effectLst/>
              <a:latin typeface="+mn-lt"/>
              <a:ea typeface="+mn-ea"/>
              <a:cs typeface="+mn-cs"/>
            </a:rPr>
            <a:t>百万円を積み立てた。</a:t>
          </a:r>
          <a:endParaRPr lang="ja-JP" altLang="ja-JP">
            <a:effectLst/>
          </a:endParaRPr>
        </a:p>
        <a:p>
          <a:r>
            <a:rPr kumimoji="1" lang="ja-JP" altLang="ja-JP" sz="1100">
              <a:solidFill>
                <a:schemeClr val="dk1"/>
              </a:solidFill>
              <a:effectLst/>
              <a:latin typeface="+mn-lt"/>
              <a:ea typeface="+mn-ea"/>
              <a:cs typeface="+mn-cs"/>
            </a:rPr>
            <a:t>・綾瀬市職員退職手当基金：退職手当基金については今後の退職者の推計から毎年</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億円を基準として、当該年度に支給する退職手当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億円を超える場合は取崩し、当該年度に支給する額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億円に満たない場合は積立金に回している。令和２年度においては退職手当の支給額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億円に満たなかったことから</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千万円を積み立てた。</a:t>
          </a:r>
          <a:endParaRPr lang="ja-JP" altLang="ja-JP">
            <a:effectLst/>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r>
            <a:rPr kumimoji="1" lang="ja-JP" altLang="en-US" sz="1100">
              <a:solidFill>
                <a:schemeClr val="dk1"/>
              </a:solidFill>
              <a:effectLst/>
              <a:latin typeface="+mn-ea"/>
              <a:ea typeface="+mn-ea"/>
              <a:cs typeface="+mn-cs"/>
            </a:rPr>
            <a:t>（今後の方針）</a:t>
          </a:r>
          <a:endParaRPr kumimoji="1" lang="en-US" altLang="ja-JP" sz="1100">
            <a:solidFill>
              <a:schemeClr val="dk1"/>
            </a:solidFill>
            <a:effectLst/>
            <a:latin typeface="+mn-ea"/>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財政調整基金の残高は、標準財政規模の</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程度を目安に維持していく。</a:t>
          </a:r>
          <a:endParaRPr lang="ja-JP" altLang="ja-JP">
            <a:effectLst/>
          </a:endParaRPr>
        </a:p>
        <a:p>
          <a:pPr eaLnBrk="1" fontAlgn="auto" latinLnBrk="0" hangingPunct="1"/>
          <a:r>
            <a:rPr kumimoji="1" lang="ja-JP" altLang="ja-JP" sz="1100">
              <a:solidFill>
                <a:schemeClr val="dk1"/>
              </a:solidFill>
              <a:effectLst/>
              <a:latin typeface="+mn-lt"/>
              <a:ea typeface="+mn-ea"/>
              <a:cs typeface="+mn-cs"/>
            </a:rPr>
            <a:t>・</a:t>
          </a:r>
          <a:r>
            <a:rPr lang="ja-JP" altLang="ja-JP" sz="1100">
              <a:solidFill>
                <a:schemeClr val="dk1"/>
              </a:solidFill>
              <a:effectLst/>
              <a:latin typeface="+mn-lt"/>
              <a:ea typeface="+mn-ea"/>
              <a:cs typeface="+mn-cs"/>
            </a:rPr>
            <a:t>綾瀬市公共施設等総合管理基金：今後、公共施設の再編に伴う建て替えを予定しているため、適切な時期に積立及び取り崩しを行い、</a:t>
          </a:r>
          <a:r>
            <a:rPr kumimoji="1" lang="ja-JP" altLang="ja-JP" sz="1100">
              <a:solidFill>
                <a:schemeClr val="dk1"/>
              </a:solidFill>
              <a:effectLst/>
              <a:latin typeface="+mn-lt"/>
              <a:ea typeface="+mn-ea"/>
              <a:cs typeface="+mn-cs"/>
            </a:rPr>
            <a:t>予算への影響を軽減する。</a:t>
          </a:r>
          <a:endParaRPr lang="ja-JP" altLang="ja-JP">
            <a:effectLst/>
          </a:endParaRPr>
        </a:p>
        <a:p>
          <a:pPr eaLnBrk="1" fontAlgn="auto" latinLnBrk="0" hangingPunct="1"/>
          <a:r>
            <a:rPr kumimoji="1" lang="ja-JP" altLang="ja-JP" sz="1100">
              <a:solidFill>
                <a:schemeClr val="dk1"/>
              </a:solidFill>
              <a:effectLst/>
              <a:latin typeface="+mn-lt"/>
              <a:ea typeface="+mn-ea"/>
              <a:cs typeface="+mn-cs"/>
            </a:rPr>
            <a:t>・綾瀬市職員退職手当基金：今後も職員の退職者数の推計から基準を定め、退職者数の変動による予算への影響を軽減する。</a:t>
          </a:r>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ea"/>
              <a:ea typeface="+mn-ea"/>
              <a:cs typeface="+mn-cs"/>
            </a:rPr>
            <a:t>（基金の使途）</a:t>
          </a:r>
          <a:endParaRPr kumimoji="1" lang="en-US" altLang="ja-JP" sz="1100">
            <a:solidFill>
              <a:schemeClr val="dk1"/>
            </a:solidFill>
            <a:effectLst/>
            <a:latin typeface="+mn-ea"/>
            <a:ea typeface="+mn-ea"/>
            <a:cs typeface="+mn-cs"/>
          </a:endParaRPr>
        </a:p>
        <a:p>
          <a:r>
            <a:rPr kumimoji="1" lang="ja-JP" altLang="ja-JP" sz="1100">
              <a:solidFill>
                <a:schemeClr val="dk1"/>
              </a:solidFill>
              <a:effectLst/>
              <a:latin typeface="+mn-ea"/>
              <a:ea typeface="+mn-ea"/>
              <a:cs typeface="+mn-cs"/>
            </a:rPr>
            <a:t>・綾瀬市職員退職手当基金：職員退職手当の費用</a:t>
          </a:r>
          <a:endParaRPr lang="ja-JP" altLang="ja-JP" sz="1100">
            <a:effectLst/>
            <a:latin typeface="+mn-ea"/>
            <a:ea typeface="+mn-ea"/>
          </a:endParaRPr>
        </a:p>
        <a:p>
          <a:pPr eaLnBrk="1" fontAlgn="auto" latinLnBrk="0" hangingPunct="1"/>
          <a:r>
            <a:rPr kumimoji="1" lang="ja-JP" altLang="ja-JP" sz="1100">
              <a:solidFill>
                <a:schemeClr val="dk1"/>
              </a:solidFill>
              <a:effectLst/>
              <a:latin typeface="+mn-ea"/>
              <a:ea typeface="+mn-ea"/>
              <a:cs typeface="+mn-cs"/>
            </a:rPr>
            <a:t>・綾瀬市公共用地取得基金：普通財産である土地の処分収益を公共事業に必要な土地の取得経費</a:t>
          </a:r>
          <a:endParaRPr lang="ja-JP" altLang="ja-JP" sz="1100">
            <a:effectLst/>
            <a:latin typeface="+mn-ea"/>
            <a:ea typeface="+mn-ea"/>
          </a:endParaRPr>
        </a:p>
        <a:p>
          <a:r>
            <a:rPr kumimoji="1" lang="ja-JP" altLang="ja-JP" sz="1100">
              <a:solidFill>
                <a:schemeClr val="dk1"/>
              </a:solidFill>
              <a:effectLst/>
              <a:latin typeface="+mn-ea"/>
              <a:ea typeface="+mn-ea"/>
              <a:cs typeface="+mn-cs"/>
            </a:rPr>
            <a:t>・綾瀬市社会福祉基金：社会福祉の増進を図る事業の資金</a:t>
          </a:r>
          <a:endParaRPr lang="ja-JP" altLang="ja-JP" sz="1100">
            <a:effectLst/>
            <a:latin typeface="+mn-ea"/>
            <a:ea typeface="+mn-ea"/>
          </a:endParaRPr>
        </a:p>
        <a:p>
          <a:pPr eaLnBrk="1" fontAlgn="auto" latinLnBrk="0" hangingPunct="1"/>
          <a:r>
            <a:rPr kumimoji="1" lang="ja-JP" altLang="ja-JP" sz="1100">
              <a:solidFill>
                <a:schemeClr val="dk1"/>
              </a:solidFill>
              <a:effectLst/>
              <a:latin typeface="+mn-ea"/>
              <a:ea typeface="+mn-ea"/>
              <a:cs typeface="+mn-cs"/>
            </a:rPr>
            <a:t>・綾瀬市特定防衛施設周辺整備調整交付金基金：特定防衛施設周辺整備調整交付金を財源として公共用の施設の整備又はその他の生活環境の改善若しくは開発の円滑な実施に寄与する事業</a:t>
          </a:r>
          <a:endParaRPr lang="ja-JP" altLang="ja-JP" sz="1100">
            <a:effectLst/>
            <a:latin typeface="+mn-ea"/>
            <a:ea typeface="+mn-ea"/>
          </a:endParaRPr>
        </a:p>
        <a:p>
          <a:r>
            <a:rPr kumimoji="1" lang="ja-JP" altLang="ja-JP" sz="1100">
              <a:solidFill>
                <a:schemeClr val="dk1"/>
              </a:solidFill>
              <a:effectLst/>
              <a:latin typeface="+mn-ea"/>
              <a:ea typeface="+mn-ea"/>
              <a:cs typeface="+mn-cs"/>
            </a:rPr>
            <a:t>・綾瀬市みどりのまちづくり基金：綾瀬市と市民が一体となって推進するみどり豊かなまちづくりに係る事業及び緑地を保全する経費</a:t>
          </a:r>
          <a:endParaRPr kumimoji="1" lang="en-US" altLang="ja-JP" sz="1100">
            <a:solidFill>
              <a:schemeClr val="dk1"/>
            </a:solidFill>
            <a:effectLst/>
            <a:latin typeface="+mn-ea"/>
            <a:ea typeface="+mn-ea"/>
            <a:cs typeface="+mn-cs"/>
          </a:endParaRPr>
        </a:p>
        <a:p>
          <a:r>
            <a:rPr kumimoji="1" lang="ja-JP" altLang="en-US" sz="1100">
              <a:solidFill>
                <a:schemeClr val="dk1"/>
              </a:solidFill>
              <a:effectLst/>
              <a:latin typeface="+mn-ea"/>
              <a:ea typeface="+mn-ea"/>
              <a:cs typeface="+mn-cs"/>
            </a:rPr>
            <a:t>・</a:t>
          </a:r>
          <a:r>
            <a:rPr lang="ja-JP" altLang="en-US">
              <a:effectLst/>
            </a:rPr>
            <a:t>綾瀬市公共施設等総合管理基金：公共施設等の計画的な保全及び更新に要する資金</a:t>
          </a:r>
          <a:endParaRPr lang="ja-JP" altLang="ja-JP" sz="1100">
            <a:effectLst/>
            <a:latin typeface="+mn-ea"/>
            <a:ea typeface="+mn-ea"/>
          </a:endParaRPr>
        </a:p>
        <a:p>
          <a:endParaRPr kumimoji="1" lang="en-US" altLang="ja-JP" sz="1100">
            <a:solidFill>
              <a:schemeClr val="dk1"/>
            </a:solidFill>
            <a:effectLst/>
            <a:latin typeface="+mn-ea"/>
            <a:ea typeface="+mn-ea"/>
            <a:cs typeface="+mn-cs"/>
          </a:endParaRPr>
        </a:p>
        <a:p>
          <a:r>
            <a:rPr kumimoji="1" lang="ja-JP" altLang="en-US" sz="1100">
              <a:solidFill>
                <a:schemeClr val="dk1"/>
              </a:solidFill>
              <a:effectLst/>
              <a:latin typeface="+mn-ea"/>
              <a:ea typeface="+mn-ea"/>
              <a:cs typeface="+mn-cs"/>
            </a:rPr>
            <a:t>（増減理由）</a:t>
          </a:r>
          <a:endParaRPr kumimoji="1" lang="en-US" altLang="ja-JP" sz="1100">
            <a:solidFill>
              <a:schemeClr val="dk1"/>
            </a:solidFill>
            <a:effectLst/>
            <a:latin typeface="+mn-ea"/>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a:t>
          </a:r>
          <a:r>
            <a:rPr lang="ja-JP" altLang="ja-JP" sz="1100">
              <a:solidFill>
                <a:schemeClr val="dk1"/>
              </a:solidFill>
              <a:effectLst/>
              <a:latin typeface="+mn-lt"/>
              <a:ea typeface="+mn-ea"/>
              <a:cs typeface="+mn-cs"/>
            </a:rPr>
            <a:t>綾瀬市公共施設等総合管理基金：</a:t>
          </a:r>
          <a:r>
            <a:rPr lang="ja-JP" altLang="en-US" sz="1100">
              <a:solidFill>
                <a:schemeClr val="dk1"/>
              </a:solidFill>
              <a:effectLst/>
              <a:latin typeface="+mn-lt"/>
              <a:ea typeface="+mn-ea"/>
              <a:cs typeface="+mn-cs"/>
            </a:rPr>
            <a:t>令和２年度より、今後の</a:t>
          </a:r>
          <a:r>
            <a:rPr lang="ja-JP" altLang="ja-JP" sz="1100">
              <a:solidFill>
                <a:schemeClr val="dk1"/>
              </a:solidFill>
              <a:effectLst/>
              <a:latin typeface="+mn-lt"/>
              <a:ea typeface="+mn-ea"/>
              <a:cs typeface="+mn-cs"/>
            </a:rPr>
            <a:t>公共施設等の計画的な保全及び更新に</a:t>
          </a:r>
          <a:r>
            <a:rPr lang="ja-JP" altLang="en-US" sz="1100">
              <a:solidFill>
                <a:schemeClr val="dk1"/>
              </a:solidFill>
              <a:effectLst/>
              <a:latin typeface="+mn-lt"/>
              <a:ea typeface="+mn-ea"/>
              <a:cs typeface="+mn-cs"/>
            </a:rPr>
            <a:t>備えるために新設され、</a:t>
          </a:r>
          <a:r>
            <a:rPr kumimoji="1" lang="en-US" altLang="ja-JP" sz="1100">
              <a:solidFill>
                <a:schemeClr val="dk1"/>
              </a:solidFill>
              <a:effectLst/>
              <a:latin typeface="+mn-lt"/>
              <a:ea typeface="+mn-ea"/>
              <a:cs typeface="+mn-cs"/>
            </a:rPr>
            <a:t>150</a:t>
          </a:r>
          <a:r>
            <a:rPr kumimoji="1" lang="ja-JP" altLang="ja-JP" sz="1100">
              <a:solidFill>
                <a:schemeClr val="dk1"/>
              </a:solidFill>
              <a:effectLst/>
              <a:latin typeface="+mn-lt"/>
              <a:ea typeface="+mn-ea"/>
              <a:cs typeface="+mn-cs"/>
            </a:rPr>
            <a:t>百万円を積み立てた。</a:t>
          </a:r>
          <a:endParaRPr kumimoji="1" lang="en-US" altLang="ja-JP" sz="1100">
            <a:solidFill>
              <a:schemeClr val="dk1"/>
            </a:solidFill>
            <a:effectLst/>
            <a:latin typeface="+mn-ea"/>
            <a:ea typeface="+mn-ea"/>
            <a:cs typeface="+mn-cs"/>
          </a:endParaRPr>
        </a:p>
        <a:p>
          <a:r>
            <a:rPr kumimoji="1" lang="ja-JP" altLang="ja-JP" sz="1100">
              <a:solidFill>
                <a:schemeClr val="dk1"/>
              </a:solidFill>
              <a:effectLst/>
              <a:latin typeface="+mn-ea"/>
              <a:ea typeface="+mn-ea"/>
              <a:cs typeface="+mn-cs"/>
            </a:rPr>
            <a:t>・綾瀬市職員退職手当基金：退職手当基金については今後の退職者の推計から毎年</a:t>
          </a:r>
          <a:r>
            <a:rPr kumimoji="1" lang="en-US" altLang="ja-JP" sz="1100">
              <a:solidFill>
                <a:schemeClr val="dk1"/>
              </a:solidFill>
              <a:effectLst/>
              <a:latin typeface="+mn-ea"/>
              <a:ea typeface="+mn-ea"/>
              <a:cs typeface="+mn-cs"/>
            </a:rPr>
            <a:t>4</a:t>
          </a:r>
          <a:r>
            <a:rPr kumimoji="1" lang="ja-JP" altLang="ja-JP" sz="1100">
              <a:solidFill>
                <a:schemeClr val="dk1"/>
              </a:solidFill>
              <a:effectLst/>
              <a:latin typeface="+mn-ea"/>
              <a:ea typeface="+mn-ea"/>
              <a:cs typeface="+mn-cs"/>
            </a:rPr>
            <a:t>億円を基準として、当該年度に支給する退職手当が</a:t>
          </a:r>
          <a:r>
            <a:rPr kumimoji="1" lang="en-US" altLang="ja-JP" sz="1100">
              <a:solidFill>
                <a:schemeClr val="dk1"/>
              </a:solidFill>
              <a:effectLst/>
              <a:latin typeface="+mn-ea"/>
              <a:ea typeface="+mn-ea"/>
              <a:cs typeface="+mn-cs"/>
            </a:rPr>
            <a:t>4</a:t>
          </a:r>
          <a:r>
            <a:rPr kumimoji="1" lang="ja-JP" altLang="ja-JP" sz="1100">
              <a:solidFill>
                <a:schemeClr val="dk1"/>
              </a:solidFill>
              <a:effectLst/>
              <a:latin typeface="+mn-ea"/>
              <a:ea typeface="+mn-ea"/>
              <a:cs typeface="+mn-cs"/>
            </a:rPr>
            <a:t>億円を超える場合は取崩し、当該年度に支給する額が</a:t>
          </a:r>
          <a:r>
            <a:rPr kumimoji="1" lang="en-US" altLang="ja-JP" sz="1100">
              <a:solidFill>
                <a:schemeClr val="dk1"/>
              </a:solidFill>
              <a:effectLst/>
              <a:latin typeface="+mn-ea"/>
              <a:ea typeface="+mn-ea"/>
              <a:cs typeface="+mn-cs"/>
            </a:rPr>
            <a:t>4</a:t>
          </a:r>
          <a:r>
            <a:rPr kumimoji="1" lang="ja-JP" altLang="ja-JP" sz="1100">
              <a:solidFill>
                <a:schemeClr val="dk1"/>
              </a:solidFill>
              <a:effectLst/>
              <a:latin typeface="+mn-ea"/>
              <a:ea typeface="+mn-ea"/>
              <a:cs typeface="+mn-cs"/>
            </a:rPr>
            <a:t>億円に満たない場合は積立金に回している。令和</a:t>
          </a:r>
          <a:r>
            <a:rPr kumimoji="1" lang="ja-JP" altLang="en-US" sz="1100">
              <a:solidFill>
                <a:schemeClr val="dk1"/>
              </a:solidFill>
              <a:effectLst/>
              <a:latin typeface="+mn-ea"/>
              <a:ea typeface="+mn-ea"/>
              <a:cs typeface="+mn-cs"/>
            </a:rPr>
            <a:t>２</a:t>
          </a:r>
          <a:r>
            <a:rPr kumimoji="1" lang="ja-JP" altLang="ja-JP" sz="1100">
              <a:solidFill>
                <a:schemeClr val="dk1"/>
              </a:solidFill>
              <a:effectLst/>
              <a:latin typeface="+mn-ea"/>
              <a:ea typeface="+mn-ea"/>
              <a:cs typeface="+mn-cs"/>
            </a:rPr>
            <a:t>年度においては退職手当の支給額が</a:t>
          </a:r>
          <a:r>
            <a:rPr kumimoji="1" lang="en-US" altLang="ja-JP" sz="1100">
              <a:solidFill>
                <a:schemeClr val="dk1"/>
              </a:solidFill>
              <a:effectLst/>
              <a:latin typeface="+mn-ea"/>
              <a:ea typeface="+mn-ea"/>
              <a:cs typeface="+mn-cs"/>
            </a:rPr>
            <a:t>4</a:t>
          </a:r>
          <a:r>
            <a:rPr kumimoji="1" lang="ja-JP" altLang="ja-JP" sz="1100">
              <a:solidFill>
                <a:schemeClr val="dk1"/>
              </a:solidFill>
              <a:effectLst/>
              <a:latin typeface="+mn-ea"/>
              <a:ea typeface="+mn-ea"/>
              <a:cs typeface="+mn-cs"/>
            </a:rPr>
            <a:t>億円に満たなかったことから</a:t>
          </a:r>
          <a:r>
            <a:rPr kumimoji="1" lang="en-US" altLang="ja-JP" sz="1100">
              <a:solidFill>
                <a:schemeClr val="dk1"/>
              </a:solidFill>
              <a:effectLst/>
              <a:latin typeface="+mn-ea"/>
              <a:ea typeface="+mn-ea"/>
              <a:cs typeface="+mn-cs"/>
            </a:rPr>
            <a:t>2.4</a:t>
          </a:r>
          <a:r>
            <a:rPr kumimoji="1" lang="ja-JP" altLang="en-US" sz="1100">
              <a:solidFill>
                <a:schemeClr val="dk1"/>
              </a:solidFill>
              <a:effectLst/>
              <a:latin typeface="+mn-ea"/>
              <a:ea typeface="+mn-ea"/>
              <a:cs typeface="+mn-cs"/>
            </a:rPr>
            <a:t>千</a:t>
          </a:r>
          <a:r>
            <a:rPr kumimoji="1" lang="ja-JP" altLang="ja-JP" sz="1100">
              <a:solidFill>
                <a:schemeClr val="dk1"/>
              </a:solidFill>
              <a:effectLst/>
              <a:latin typeface="+mn-ea"/>
              <a:ea typeface="+mn-ea"/>
              <a:cs typeface="+mn-cs"/>
            </a:rPr>
            <a:t>万円を積み立てた。</a:t>
          </a:r>
          <a:endParaRPr lang="ja-JP" altLang="ja-JP" sz="1100">
            <a:effectLst/>
            <a:latin typeface="+mn-ea"/>
            <a:ea typeface="+mn-ea"/>
          </a:endParaRPr>
        </a:p>
        <a:p>
          <a:endParaRPr kumimoji="1" lang="en-US" altLang="ja-JP" sz="1100">
            <a:solidFill>
              <a:schemeClr val="dk1"/>
            </a:solidFill>
            <a:effectLst/>
            <a:latin typeface="+mn-ea"/>
            <a:ea typeface="+mn-ea"/>
            <a:cs typeface="+mn-cs"/>
          </a:endParaRPr>
        </a:p>
        <a:p>
          <a:r>
            <a:rPr kumimoji="1" lang="ja-JP" altLang="en-US" sz="1100">
              <a:solidFill>
                <a:schemeClr val="dk1"/>
              </a:solidFill>
              <a:effectLst/>
              <a:latin typeface="+mn-ea"/>
              <a:ea typeface="+mn-ea"/>
              <a:cs typeface="+mn-cs"/>
            </a:rPr>
            <a:t>（今後の方針）</a:t>
          </a:r>
          <a:endParaRPr kumimoji="1" lang="en-US" altLang="ja-JP" sz="1100">
            <a:solidFill>
              <a:schemeClr val="dk1"/>
            </a:solidFill>
            <a:effectLst/>
            <a:latin typeface="+mn-ea"/>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ea"/>
              <a:ea typeface="+mn-ea"/>
              <a:cs typeface="+mn-cs"/>
            </a:rPr>
            <a:t>・</a:t>
          </a:r>
          <a:r>
            <a:rPr lang="ja-JP" altLang="ja-JP" sz="1100">
              <a:solidFill>
                <a:schemeClr val="dk1"/>
              </a:solidFill>
              <a:effectLst/>
              <a:latin typeface="+mn-lt"/>
              <a:ea typeface="+mn-ea"/>
              <a:cs typeface="+mn-cs"/>
            </a:rPr>
            <a:t>綾瀬市公共施設等総合管理基金：</a:t>
          </a:r>
          <a:r>
            <a:rPr lang="ja-JP" altLang="en-US" sz="1100">
              <a:solidFill>
                <a:schemeClr val="dk1"/>
              </a:solidFill>
              <a:effectLst/>
              <a:latin typeface="+mn-lt"/>
              <a:ea typeface="+mn-ea"/>
              <a:cs typeface="+mn-cs"/>
            </a:rPr>
            <a:t>今後、公共施設の再編に伴う建て替えを予定しているため、適切な時期に積立及び取り崩しを行い、</a:t>
          </a:r>
          <a:r>
            <a:rPr kumimoji="1" lang="ja-JP" altLang="ja-JP" sz="1100">
              <a:solidFill>
                <a:schemeClr val="dk1"/>
              </a:solidFill>
              <a:effectLst/>
              <a:latin typeface="+mn-lt"/>
              <a:ea typeface="+mn-ea"/>
              <a:cs typeface="+mn-cs"/>
            </a:rPr>
            <a:t>予算への影響を軽減する。</a:t>
          </a:r>
          <a:endParaRPr kumimoji="1" lang="en-US" altLang="ja-JP" sz="1100">
            <a:solidFill>
              <a:schemeClr val="dk1"/>
            </a:solidFill>
            <a:effectLst/>
            <a:latin typeface="+mn-ea"/>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ea"/>
              <a:ea typeface="+mn-ea"/>
              <a:cs typeface="+mn-cs"/>
            </a:rPr>
            <a:t>・綾瀬市職員退職手当基金：今後も職員の退職者数の推計から基準を定め、退職者数の変動による予算への影響を軽減する。</a:t>
          </a:r>
          <a:endParaRPr lang="ja-JP" altLang="ja-JP" sz="1100">
            <a:effectLst/>
            <a:latin typeface="+mn-ea"/>
            <a:ea typeface="+mn-ea"/>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ea"/>
              <a:ea typeface="+mn-ea"/>
              <a:cs typeface="+mn-cs"/>
            </a:rPr>
            <a:t>（増減理由）</a:t>
          </a:r>
          <a:endParaRPr kumimoji="1" lang="en-US" altLang="ja-JP" sz="1100">
            <a:solidFill>
              <a:schemeClr val="dk1"/>
            </a:solidFill>
            <a:effectLst/>
            <a:latin typeface="+mn-ea"/>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ea"/>
              <a:ea typeface="+mn-ea"/>
              <a:cs typeface="+mn-cs"/>
            </a:rPr>
            <a:t>・</a:t>
          </a:r>
          <a:r>
            <a:rPr kumimoji="1" lang="en-US" altLang="ja-JP" sz="1100">
              <a:solidFill>
                <a:schemeClr val="dk1"/>
              </a:solidFill>
              <a:effectLst/>
              <a:latin typeface="+mn-ea"/>
              <a:ea typeface="+mn-ea"/>
              <a:cs typeface="+mn-cs"/>
            </a:rPr>
            <a:t>1</a:t>
          </a:r>
          <a:r>
            <a:rPr kumimoji="1" lang="ja-JP" altLang="ja-JP" sz="1100">
              <a:solidFill>
                <a:schemeClr val="dk1"/>
              </a:solidFill>
              <a:effectLst/>
              <a:latin typeface="+mn-ea"/>
              <a:ea typeface="+mn-ea"/>
              <a:cs typeface="+mn-cs"/>
            </a:rPr>
            <a:t>億</a:t>
          </a:r>
          <a:r>
            <a:rPr kumimoji="1" lang="en-US" altLang="ja-JP" sz="1100">
              <a:solidFill>
                <a:schemeClr val="dk1"/>
              </a:solidFill>
              <a:effectLst/>
              <a:latin typeface="+mn-ea"/>
              <a:ea typeface="+mn-ea"/>
              <a:cs typeface="+mn-cs"/>
            </a:rPr>
            <a:t>7</a:t>
          </a:r>
          <a:r>
            <a:rPr kumimoji="1" lang="ja-JP" altLang="ja-JP" sz="1100">
              <a:solidFill>
                <a:schemeClr val="dk1"/>
              </a:solidFill>
              <a:effectLst/>
              <a:latin typeface="+mn-ea"/>
              <a:ea typeface="+mn-ea"/>
              <a:cs typeface="+mn-cs"/>
            </a:rPr>
            <a:t>千万円の元金積立を行ったことから、基金残高は</a:t>
          </a:r>
          <a:r>
            <a:rPr kumimoji="1" lang="en-US" altLang="ja-JP" sz="1100">
              <a:solidFill>
                <a:schemeClr val="dk1"/>
              </a:solidFill>
              <a:effectLst/>
              <a:latin typeface="+mn-ea"/>
              <a:ea typeface="+mn-ea"/>
              <a:cs typeface="+mn-cs"/>
            </a:rPr>
            <a:t>1</a:t>
          </a:r>
          <a:r>
            <a:rPr kumimoji="1" lang="ja-JP" altLang="ja-JP" sz="1100">
              <a:solidFill>
                <a:schemeClr val="dk1"/>
              </a:solidFill>
              <a:effectLst/>
              <a:latin typeface="+mn-ea"/>
              <a:ea typeface="+mn-ea"/>
              <a:cs typeface="+mn-cs"/>
            </a:rPr>
            <a:t>億</a:t>
          </a:r>
          <a:r>
            <a:rPr kumimoji="1" lang="en-US" altLang="ja-JP" sz="1100">
              <a:solidFill>
                <a:schemeClr val="dk1"/>
              </a:solidFill>
              <a:effectLst/>
              <a:latin typeface="+mn-ea"/>
              <a:ea typeface="+mn-ea"/>
              <a:cs typeface="+mn-cs"/>
            </a:rPr>
            <a:t>7</a:t>
          </a:r>
          <a:r>
            <a:rPr kumimoji="1" lang="ja-JP" altLang="ja-JP" sz="1100">
              <a:solidFill>
                <a:schemeClr val="dk1"/>
              </a:solidFill>
              <a:effectLst/>
              <a:latin typeface="+mn-ea"/>
              <a:ea typeface="+mn-ea"/>
              <a:cs typeface="+mn-cs"/>
            </a:rPr>
            <a:t>千万円の増となった。</a:t>
          </a:r>
          <a:endParaRPr lang="ja-JP" altLang="ja-JP" sz="1100">
            <a:effectLst/>
            <a:latin typeface="+mn-ea"/>
            <a:ea typeface="+mn-ea"/>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r>
            <a:rPr kumimoji="1" lang="ja-JP" altLang="en-US" sz="1100">
              <a:solidFill>
                <a:schemeClr val="dk1"/>
              </a:solidFill>
              <a:effectLst/>
              <a:latin typeface="+mn-ea"/>
              <a:ea typeface="+mn-ea"/>
              <a:cs typeface="+mn-cs"/>
            </a:rPr>
            <a:t>（今後の方針）</a:t>
          </a:r>
          <a:endParaRPr kumimoji="1" lang="en-US" altLang="ja-JP" sz="1100">
            <a:solidFill>
              <a:schemeClr val="dk1"/>
            </a:solidFill>
            <a:effectLst/>
            <a:latin typeface="+mn-ea"/>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ea"/>
              <a:ea typeface="+mn-ea"/>
              <a:cs typeface="+mn-cs"/>
            </a:rPr>
            <a:t>・財政調整基金の残高は、標準財政規模の</a:t>
          </a:r>
          <a:r>
            <a:rPr kumimoji="1" lang="en-US" altLang="ja-JP" sz="1100">
              <a:solidFill>
                <a:schemeClr val="dk1"/>
              </a:solidFill>
              <a:effectLst/>
              <a:latin typeface="+mn-ea"/>
              <a:ea typeface="+mn-ea"/>
              <a:cs typeface="+mn-cs"/>
            </a:rPr>
            <a:t>20</a:t>
          </a:r>
          <a:r>
            <a:rPr kumimoji="1" lang="ja-JP" altLang="ja-JP" sz="1100">
              <a:solidFill>
                <a:schemeClr val="dk1"/>
              </a:solidFill>
              <a:effectLst/>
              <a:latin typeface="+mn-ea"/>
              <a:ea typeface="+mn-ea"/>
              <a:cs typeface="+mn-cs"/>
            </a:rPr>
            <a:t>％</a:t>
          </a:r>
          <a:r>
            <a:rPr kumimoji="1" lang="ja-JP" altLang="en-US" sz="1100">
              <a:solidFill>
                <a:schemeClr val="dk1"/>
              </a:solidFill>
              <a:effectLst/>
              <a:latin typeface="+mn-ea"/>
              <a:ea typeface="+mn-ea"/>
              <a:cs typeface="+mn-cs"/>
            </a:rPr>
            <a:t>程度</a:t>
          </a:r>
          <a:r>
            <a:rPr kumimoji="1" lang="ja-JP" altLang="ja-JP" sz="1100">
              <a:solidFill>
                <a:schemeClr val="dk1"/>
              </a:solidFill>
              <a:effectLst/>
              <a:latin typeface="+mn-ea"/>
              <a:ea typeface="+mn-ea"/>
              <a:cs typeface="+mn-cs"/>
            </a:rPr>
            <a:t>を目安に維持していく。</a:t>
          </a:r>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ea"/>
              <a:ea typeface="+mn-ea"/>
              <a:cs typeface="+mn-cs"/>
            </a:rPr>
            <a:t>（増減理由）</a:t>
          </a:r>
          <a:endParaRPr kumimoji="1" lang="en-US" altLang="ja-JP" sz="1100">
            <a:solidFill>
              <a:schemeClr val="dk1"/>
            </a:solidFill>
            <a:effectLst/>
            <a:latin typeface="+mn-ea"/>
            <a:ea typeface="+mn-ea"/>
            <a:cs typeface="+mn-cs"/>
          </a:endParaRPr>
        </a:p>
        <a:p>
          <a:r>
            <a:rPr kumimoji="1" lang="ja-JP" altLang="en-US" sz="1100">
              <a:solidFill>
                <a:schemeClr val="dk1"/>
              </a:solidFill>
              <a:effectLst/>
              <a:latin typeface="+mn-ea"/>
              <a:ea typeface="+mn-ea"/>
              <a:cs typeface="+mn-cs"/>
            </a:rPr>
            <a:t>なし</a:t>
          </a:r>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endParaRPr kumimoji="1" lang="en-US" altLang="ja-JP" sz="1100">
            <a:solidFill>
              <a:schemeClr val="dk1"/>
            </a:solidFill>
            <a:effectLst/>
            <a:latin typeface="+mn-ea"/>
            <a:ea typeface="+mn-ea"/>
            <a:cs typeface="+mn-cs"/>
          </a:endParaRPr>
        </a:p>
        <a:p>
          <a:r>
            <a:rPr kumimoji="1" lang="ja-JP" altLang="en-US" sz="1100">
              <a:solidFill>
                <a:schemeClr val="dk1"/>
              </a:solidFill>
              <a:effectLst/>
              <a:latin typeface="+mn-ea"/>
              <a:ea typeface="+mn-ea"/>
              <a:cs typeface="+mn-cs"/>
            </a:rPr>
            <a:t>（今後の方針）</a:t>
          </a:r>
          <a:endParaRPr kumimoji="1" lang="en-US" altLang="ja-JP" sz="1100">
            <a:solidFill>
              <a:schemeClr val="dk1"/>
            </a:solidFill>
            <a:effectLst/>
            <a:latin typeface="+mn-ea"/>
            <a:ea typeface="+mn-ea"/>
            <a:cs typeface="+mn-cs"/>
          </a:endParaRPr>
        </a:p>
        <a:p>
          <a:r>
            <a:rPr kumimoji="1" lang="ja-JP" altLang="en-US" sz="1100">
              <a:solidFill>
                <a:schemeClr val="dk1"/>
              </a:solidFill>
              <a:effectLst/>
              <a:latin typeface="+mn-ea"/>
              <a:ea typeface="+mn-ea"/>
              <a:cs typeface="+mn-cs"/>
            </a:rPr>
            <a:t>なし</a:t>
          </a:r>
          <a:endParaRPr kumimoji="1" lang="en-US" altLang="ja-JP" sz="1100">
            <a:solidFill>
              <a:schemeClr val="dk1"/>
            </a:solidFill>
            <a:effectLst/>
            <a:latin typeface="+mn-ea"/>
            <a:ea typeface="+mn-ea"/>
            <a:cs typeface="+mn-cs"/>
          </a:endParaRPr>
        </a:p>
        <a:p>
          <a:endParaRPr kumimoji="1" lang="en-US" altLang="ja-JP" sz="1400">
            <a:solidFill>
              <a:schemeClr val="dk1"/>
            </a:solidFill>
            <a:effectLst/>
            <a:latin typeface="+mn-ea"/>
            <a:ea typeface="+mn-ea"/>
            <a:cs typeface="+mn-cs"/>
          </a:endParaRPr>
        </a:p>
        <a:p>
          <a:endParaRPr kumimoji="1" lang="en-US" altLang="ja-JP" sz="1400">
            <a:solidFill>
              <a:schemeClr val="dk1"/>
            </a:solidFill>
            <a:effectLst/>
            <a:latin typeface="+mn-ea"/>
            <a:ea typeface="+mn-ea"/>
            <a:cs typeface="+mn-cs"/>
          </a:endParaRPr>
        </a:p>
        <a:p>
          <a:endParaRPr kumimoji="1" lang="en-US" altLang="ja-JP" sz="1400">
            <a:solidFill>
              <a:schemeClr val="dk1"/>
            </a:solidFill>
            <a:effectLst/>
            <a:latin typeface="+mn-ea"/>
            <a:ea typeface="+mn-ea"/>
            <a:cs typeface="+mn-cs"/>
          </a:endParaRPr>
        </a:p>
        <a:p>
          <a:endParaRPr kumimoji="1" lang="en-US" altLang="ja-JP" sz="1400">
            <a:solidFill>
              <a:schemeClr val="dk1"/>
            </a:solidFill>
            <a:effectLst/>
            <a:latin typeface="+mn-ea"/>
            <a:ea typeface="+mn-ea"/>
            <a:cs typeface="+mn-cs"/>
          </a:endParaRPr>
        </a:p>
        <a:p>
          <a:endParaRPr kumimoji="1" lang="en-US" altLang="ja-JP" sz="1400">
            <a:solidFill>
              <a:schemeClr val="dk1"/>
            </a:solidFill>
            <a:effectLst/>
            <a:latin typeface="+mn-ea"/>
            <a:ea typeface="+mn-ea"/>
            <a:cs typeface="+mn-cs"/>
          </a:endParaRPr>
        </a:p>
        <a:p>
          <a:endParaRPr kumimoji="1" lang="en-US" altLang="ja-JP" sz="1400">
            <a:solidFill>
              <a:schemeClr val="dk1"/>
            </a:solidFill>
            <a:effectLst/>
            <a:latin typeface="+mn-ea"/>
            <a:ea typeface="+mn-ea"/>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86
80,728
22.14
38,741,486
37,050,872
1,129,343
16,618,470
15,880,5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2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127125" y="4180205"/>
          <a:ext cx="373888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774684" y="452367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387084" y="450700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7.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48152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48152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15632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15632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762444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762444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127125" y="484441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10984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10984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16318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類似団体と比較し低い水準にあ</a:t>
          </a:r>
          <a:r>
            <a:rPr kumimoji="1" lang="ja-JP" altLang="en-US" sz="1000">
              <a:solidFill>
                <a:schemeClr val="dk1"/>
              </a:solidFill>
              <a:effectLst/>
              <a:latin typeface="+mn-lt"/>
              <a:ea typeface="+mn-ea"/>
              <a:cs typeface="+mn-cs"/>
            </a:rPr>
            <a:t>り、</a:t>
          </a:r>
          <a:r>
            <a:rPr kumimoji="1" lang="en-US" altLang="ja-JP" sz="1000">
              <a:solidFill>
                <a:schemeClr val="dk1"/>
              </a:solidFill>
              <a:effectLst/>
              <a:latin typeface="+mn-lt"/>
              <a:ea typeface="+mn-ea"/>
              <a:cs typeface="+mn-cs"/>
            </a:rPr>
            <a:t>【</a:t>
          </a:r>
          <a:r>
            <a:rPr kumimoji="1" lang="ja-JP" altLang="en-US" sz="1000">
              <a:solidFill>
                <a:schemeClr val="dk1"/>
              </a:solidFill>
              <a:effectLst/>
              <a:latin typeface="+mn-lt"/>
              <a:ea typeface="+mn-ea"/>
              <a:cs typeface="+mn-cs"/>
            </a:rPr>
            <a:t>保健センター・保健所</a:t>
          </a:r>
          <a:r>
            <a:rPr kumimoji="1" lang="en-US" altLang="ja-JP" sz="1000">
              <a:solidFill>
                <a:schemeClr val="dk1"/>
              </a:solidFill>
              <a:effectLst/>
              <a:latin typeface="+mn-lt"/>
              <a:ea typeface="+mn-ea"/>
              <a:cs typeface="+mn-cs"/>
            </a:rPr>
            <a:t>】</a:t>
          </a:r>
          <a:r>
            <a:rPr kumimoji="1" lang="ja-JP" altLang="en-US" sz="1000">
              <a:solidFill>
                <a:schemeClr val="dk1"/>
              </a:solidFill>
              <a:effectLst/>
              <a:latin typeface="+mn-lt"/>
              <a:ea typeface="+mn-ea"/>
              <a:cs typeface="+mn-cs"/>
            </a:rPr>
            <a:t>、</a:t>
          </a:r>
          <a:r>
            <a:rPr kumimoji="1" lang="en-US" altLang="ja-JP" sz="1000">
              <a:solidFill>
                <a:schemeClr val="dk1"/>
              </a:solidFill>
              <a:effectLst/>
              <a:latin typeface="+mn-lt"/>
              <a:ea typeface="+mn-ea"/>
              <a:cs typeface="+mn-cs"/>
            </a:rPr>
            <a:t>【</a:t>
          </a:r>
          <a:r>
            <a:rPr kumimoji="1" lang="ja-JP" altLang="en-US" sz="1000">
              <a:solidFill>
                <a:schemeClr val="dk1"/>
              </a:solidFill>
              <a:effectLst/>
              <a:latin typeface="+mn-lt"/>
              <a:ea typeface="+mn-ea"/>
              <a:cs typeface="+mn-cs"/>
            </a:rPr>
            <a:t>認定こども園・幼稚園・保育所</a:t>
          </a:r>
          <a:r>
            <a:rPr kumimoji="1" lang="en-US" altLang="ja-JP" sz="1000">
              <a:solidFill>
                <a:schemeClr val="dk1"/>
              </a:solidFill>
              <a:effectLst/>
              <a:latin typeface="+mn-lt"/>
              <a:ea typeface="+mn-ea"/>
              <a:cs typeface="+mn-cs"/>
            </a:rPr>
            <a:t>】</a:t>
          </a:r>
          <a:r>
            <a:rPr kumimoji="1" lang="ja-JP" altLang="en-US" sz="1000">
              <a:solidFill>
                <a:schemeClr val="dk1"/>
              </a:solidFill>
              <a:effectLst/>
              <a:latin typeface="+mn-lt"/>
              <a:ea typeface="+mn-ea"/>
              <a:cs typeface="+mn-cs"/>
            </a:rPr>
            <a:t>の有</a:t>
          </a:r>
          <a:r>
            <a:rPr kumimoji="1" lang="ja-JP" altLang="ja-JP" sz="1000">
              <a:solidFill>
                <a:schemeClr val="dk1"/>
              </a:solidFill>
              <a:effectLst/>
              <a:latin typeface="+mn-lt"/>
              <a:ea typeface="+mn-ea"/>
              <a:cs typeface="+mn-cs"/>
            </a:rPr>
            <a:t>形固定資産減価償却率が類似団体より低い水準となっていること</a:t>
          </a:r>
          <a:r>
            <a:rPr kumimoji="1" lang="ja-JP" altLang="en-US" sz="1000">
              <a:solidFill>
                <a:schemeClr val="dk1"/>
              </a:solidFill>
              <a:effectLst/>
              <a:latin typeface="+mn-lt"/>
              <a:ea typeface="+mn-ea"/>
              <a:cs typeface="+mn-cs"/>
            </a:rPr>
            <a:t>が主な要因である</a:t>
          </a:r>
          <a:r>
            <a:rPr kumimoji="1" lang="ja-JP" altLang="ja-JP" sz="1000">
              <a:solidFill>
                <a:schemeClr val="dk1"/>
              </a:solidFill>
              <a:effectLst/>
              <a:latin typeface="+mn-lt"/>
              <a:ea typeface="+mn-ea"/>
              <a:cs typeface="+mn-cs"/>
            </a:rPr>
            <a:t>。今後は、公共施設マネジメント基本方針において、</a:t>
          </a:r>
          <a:r>
            <a:rPr kumimoji="1" lang="en-US" altLang="ja-JP" sz="1000">
              <a:solidFill>
                <a:schemeClr val="dk1"/>
              </a:solidFill>
              <a:effectLst/>
              <a:latin typeface="+mn-lt"/>
              <a:ea typeface="+mn-ea"/>
              <a:cs typeface="+mn-cs"/>
            </a:rPr>
            <a:t>40</a:t>
          </a:r>
          <a:r>
            <a:rPr kumimoji="1" lang="ja-JP" altLang="ja-JP" sz="1000">
              <a:solidFill>
                <a:schemeClr val="dk1"/>
              </a:solidFill>
              <a:effectLst/>
              <a:latin typeface="+mn-lt"/>
              <a:ea typeface="+mn-ea"/>
              <a:cs typeface="+mn-cs"/>
            </a:rPr>
            <a:t>年間で総延床面積の</a:t>
          </a:r>
          <a:r>
            <a:rPr kumimoji="1" lang="en-US" altLang="ja-JP" sz="1000">
              <a:solidFill>
                <a:schemeClr val="dk1"/>
              </a:solidFill>
              <a:effectLst/>
              <a:latin typeface="+mn-lt"/>
              <a:ea typeface="+mn-ea"/>
              <a:cs typeface="+mn-cs"/>
            </a:rPr>
            <a:t>23</a:t>
          </a:r>
          <a:r>
            <a:rPr kumimoji="1" lang="ja-JP" altLang="ja-JP" sz="1000">
              <a:solidFill>
                <a:schemeClr val="dk1"/>
              </a:solidFill>
              <a:effectLst/>
              <a:latin typeface="+mn-lt"/>
              <a:ea typeface="+mn-ea"/>
              <a:cs typeface="+mn-cs"/>
            </a:rPr>
            <a:t>％削減することを目標に、施設の統廃合、機能の集約、複合化による適正配置を進めていく。</a:t>
          </a:r>
          <a:endParaRPr lang="ja-JP" altLang="ja-JP" sz="1000">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10426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127125" y="69576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772811" y="686389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xdr:cNvCxnSpPr/>
      </xdr:nvCxnSpPr>
      <xdr:spPr>
        <a:xfrm>
          <a:off x="1127125" y="665307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xdr:cNvSpPr txBox="1"/>
      </xdr:nvSpPr>
      <xdr:spPr>
        <a:xfrm>
          <a:off x="772811" y="656308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xdr:cNvCxnSpPr/>
      </xdr:nvCxnSpPr>
      <xdr:spPr>
        <a:xfrm>
          <a:off x="1127125" y="63522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xdr:cNvSpPr txBox="1"/>
      </xdr:nvSpPr>
      <xdr:spPr>
        <a:xfrm>
          <a:off x="772811" y="62622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xdr:cNvCxnSpPr/>
      </xdr:nvCxnSpPr>
      <xdr:spPr>
        <a:xfrm>
          <a:off x="1127125" y="605145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xdr:cNvSpPr txBox="1"/>
      </xdr:nvSpPr>
      <xdr:spPr>
        <a:xfrm>
          <a:off x="772811" y="595765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xdr:cNvCxnSpPr/>
      </xdr:nvCxnSpPr>
      <xdr:spPr>
        <a:xfrm>
          <a:off x="1127125" y="575065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xdr:cNvSpPr txBox="1"/>
      </xdr:nvSpPr>
      <xdr:spPr>
        <a:xfrm>
          <a:off x="772811" y="565685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xdr:cNvCxnSpPr/>
      </xdr:nvCxnSpPr>
      <xdr:spPr>
        <a:xfrm>
          <a:off x="1127125" y="544984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xdr:cNvSpPr txBox="1"/>
      </xdr:nvSpPr>
      <xdr:spPr>
        <a:xfrm>
          <a:off x="772811" y="5356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xdr:cNvCxnSpPr/>
      </xdr:nvCxnSpPr>
      <xdr:spPr>
        <a:xfrm>
          <a:off x="1127125" y="514522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xdr:cNvSpPr txBox="1"/>
      </xdr:nvSpPr>
      <xdr:spPr>
        <a:xfrm>
          <a:off x="772811" y="50552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xdr:cNvCxnSpPr/>
      </xdr:nvCxnSpPr>
      <xdr:spPr>
        <a:xfrm>
          <a:off x="1127125" y="48444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xdr:cNvSpPr txBox="1"/>
      </xdr:nvSpPr>
      <xdr:spPr>
        <a:xfrm>
          <a:off x="772811" y="4754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xdr:cNvSpPr/>
      </xdr:nvSpPr>
      <xdr:spPr>
        <a:xfrm>
          <a:off x="1127125" y="484441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92075</xdr:rowOff>
    </xdr:from>
    <xdr:to>
      <xdr:col>23</xdr:col>
      <xdr:colOff>85090</xdr:colOff>
      <xdr:row>34</xdr:row>
      <xdr:rowOff>57785</xdr:rowOff>
    </xdr:to>
    <xdr:cxnSp macro="">
      <xdr:nvCxnSpPr>
        <xdr:cNvPr id="67" name="直線コネクタ 66"/>
        <xdr:cNvCxnSpPr/>
      </xdr:nvCxnSpPr>
      <xdr:spPr>
        <a:xfrm flipV="1">
          <a:off x="4206240" y="5372735"/>
          <a:ext cx="1270" cy="113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61612</xdr:rowOff>
    </xdr:from>
    <xdr:ext cx="405111" cy="259045"/>
    <xdr:sp macro="" textlink="">
      <xdr:nvSpPr>
        <xdr:cNvPr id="68" name="有形固定資産減価償却率最小値テキスト"/>
        <xdr:cNvSpPr txBox="1"/>
      </xdr:nvSpPr>
      <xdr:spPr>
        <a:xfrm>
          <a:off x="4258945" y="6515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57785</xdr:rowOff>
    </xdr:from>
    <xdr:to>
      <xdr:col>23</xdr:col>
      <xdr:colOff>174625</xdr:colOff>
      <xdr:row>34</xdr:row>
      <xdr:rowOff>57785</xdr:rowOff>
    </xdr:to>
    <xdr:cxnSp macro="">
      <xdr:nvCxnSpPr>
        <xdr:cNvPr id="69" name="直線コネクタ 68"/>
        <xdr:cNvCxnSpPr/>
      </xdr:nvCxnSpPr>
      <xdr:spPr>
        <a:xfrm>
          <a:off x="4119245" y="6511925"/>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38752</xdr:rowOff>
    </xdr:from>
    <xdr:ext cx="405111" cy="259045"/>
    <xdr:sp macro="" textlink="">
      <xdr:nvSpPr>
        <xdr:cNvPr id="70" name="有形固定資産減価償却率最大値テキスト"/>
        <xdr:cNvSpPr txBox="1"/>
      </xdr:nvSpPr>
      <xdr:spPr>
        <a:xfrm>
          <a:off x="4258945" y="5151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92075</xdr:rowOff>
    </xdr:from>
    <xdr:to>
      <xdr:col>23</xdr:col>
      <xdr:colOff>174625</xdr:colOff>
      <xdr:row>27</xdr:row>
      <xdr:rowOff>92075</xdr:rowOff>
    </xdr:to>
    <xdr:cxnSp macro="">
      <xdr:nvCxnSpPr>
        <xdr:cNvPr id="71" name="直線コネクタ 70"/>
        <xdr:cNvCxnSpPr/>
      </xdr:nvCxnSpPr>
      <xdr:spPr>
        <a:xfrm>
          <a:off x="4119245" y="5372735"/>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58709</xdr:rowOff>
    </xdr:from>
    <xdr:ext cx="405111" cy="259045"/>
    <xdr:sp macro="" textlink="">
      <xdr:nvSpPr>
        <xdr:cNvPr id="72" name="有形固定資産減価償却率平均値テキスト"/>
        <xdr:cNvSpPr txBox="1"/>
      </xdr:nvSpPr>
      <xdr:spPr>
        <a:xfrm>
          <a:off x="4258945" y="60099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80282</xdr:rowOff>
    </xdr:from>
    <xdr:to>
      <xdr:col>23</xdr:col>
      <xdr:colOff>136525</xdr:colOff>
      <xdr:row>32</xdr:row>
      <xdr:rowOff>10432</xdr:rowOff>
    </xdr:to>
    <xdr:sp macro="" textlink="">
      <xdr:nvSpPr>
        <xdr:cNvPr id="73" name="フローチャート: 判断 72"/>
        <xdr:cNvSpPr/>
      </xdr:nvSpPr>
      <xdr:spPr>
        <a:xfrm>
          <a:off x="4157345" y="603150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83367</xdr:rowOff>
    </xdr:from>
    <xdr:to>
      <xdr:col>19</xdr:col>
      <xdr:colOff>187325</xdr:colOff>
      <xdr:row>32</xdr:row>
      <xdr:rowOff>13517</xdr:rowOff>
    </xdr:to>
    <xdr:sp macro="" textlink="">
      <xdr:nvSpPr>
        <xdr:cNvPr id="74" name="フローチャート: 判断 73"/>
        <xdr:cNvSpPr/>
      </xdr:nvSpPr>
      <xdr:spPr>
        <a:xfrm>
          <a:off x="3537585" y="603458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43271</xdr:rowOff>
    </xdr:from>
    <xdr:to>
      <xdr:col>15</xdr:col>
      <xdr:colOff>187325</xdr:colOff>
      <xdr:row>31</xdr:row>
      <xdr:rowOff>144871</xdr:rowOff>
    </xdr:to>
    <xdr:sp macro="" textlink="">
      <xdr:nvSpPr>
        <xdr:cNvPr id="75" name="フローチャート: 判断 74"/>
        <xdr:cNvSpPr/>
      </xdr:nvSpPr>
      <xdr:spPr>
        <a:xfrm>
          <a:off x="2867025" y="599449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3175</xdr:rowOff>
    </xdr:from>
    <xdr:to>
      <xdr:col>11</xdr:col>
      <xdr:colOff>187325</xdr:colOff>
      <xdr:row>31</xdr:row>
      <xdr:rowOff>104775</xdr:rowOff>
    </xdr:to>
    <xdr:sp macro="" textlink="">
      <xdr:nvSpPr>
        <xdr:cNvPr id="76" name="フローチャート: 判断 75"/>
        <xdr:cNvSpPr/>
      </xdr:nvSpPr>
      <xdr:spPr>
        <a:xfrm>
          <a:off x="2196465" y="595439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34529</xdr:rowOff>
    </xdr:from>
    <xdr:to>
      <xdr:col>7</xdr:col>
      <xdr:colOff>187325</xdr:colOff>
      <xdr:row>31</xdr:row>
      <xdr:rowOff>64679</xdr:rowOff>
    </xdr:to>
    <xdr:sp macro="" textlink="">
      <xdr:nvSpPr>
        <xdr:cNvPr id="77" name="フローチャート: 判断 76"/>
        <xdr:cNvSpPr/>
      </xdr:nvSpPr>
      <xdr:spPr>
        <a:xfrm>
          <a:off x="1525905" y="591810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xdr:cNvSpPr txBox="1"/>
      </xdr:nvSpPr>
      <xdr:spPr>
        <a:xfrm>
          <a:off x="40532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xdr:cNvSpPr txBox="1"/>
      </xdr:nvSpPr>
      <xdr:spPr>
        <a:xfrm>
          <a:off x="34334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xdr:cNvSpPr txBox="1"/>
      </xdr:nvSpPr>
      <xdr:spPr>
        <a:xfrm>
          <a:off x="27628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xdr:cNvSpPr txBox="1"/>
      </xdr:nvSpPr>
      <xdr:spPr>
        <a:xfrm>
          <a:off x="20923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xdr:cNvSpPr txBox="1"/>
      </xdr:nvSpPr>
      <xdr:spPr>
        <a:xfrm>
          <a:off x="14217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7</xdr:row>
      <xdr:rowOff>41275</xdr:rowOff>
    </xdr:from>
    <xdr:to>
      <xdr:col>23</xdr:col>
      <xdr:colOff>136525</xdr:colOff>
      <xdr:row>27</xdr:row>
      <xdr:rowOff>142875</xdr:rowOff>
    </xdr:to>
    <xdr:sp macro="" textlink="">
      <xdr:nvSpPr>
        <xdr:cNvPr id="83" name="楕円 82"/>
        <xdr:cNvSpPr/>
      </xdr:nvSpPr>
      <xdr:spPr>
        <a:xfrm>
          <a:off x="4157345" y="5321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6</xdr:row>
      <xdr:rowOff>165752</xdr:rowOff>
    </xdr:from>
    <xdr:ext cx="405111" cy="259045"/>
    <xdr:sp macro="" textlink="">
      <xdr:nvSpPr>
        <xdr:cNvPr id="84" name="有形固定資産減価償却率該当値テキスト"/>
        <xdr:cNvSpPr txBox="1"/>
      </xdr:nvSpPr>
      <xdr:spPr>
        <a:xfrm>
          <a:off x="4258945" y="5278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7</xdr:row>
      <xdr:rowOff>1179</xdr:rowOff>
    </xdr:from>
    <xdr:to>
      <xdr:col>19</xdr:col>
      <xdr:colOff>187325</xdr:colOff>
      <xdr:row>27</xdr:row>
      <xdr:rowOff>102779</xdr:rowOff>
    </xdr:to>
    <xdr:sp macro="" textlink="">
      <xdr:nvSpPr>
        <xdr:cNvPr id="85" name="楕円 84"/>
        <xdr:cNvSpPr/>
      </xdr:nvSpPr>
      <xdr:spPr>
        <a:xfrm>
          <a:off x="3537585" y="528183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7</xdr:row>
      <xdr:rowOff>51979</xdr:rowOff>
    </xdr:from>
    <xdr:to>
      <xdr:col>23</xdr:col>
      <xdr:colOff>85725</xdr:colOff>
      <xdr:row>27</xdr:row>
      <xdr:rowOff>92075</xdr:rowOff>
    </xdr:to>
    <xdr:cxnSp macro="">
      <xdr:nvCxnSpPr>
        <xdr:cNvPr id="86" name="直線コネクタ 85"/>
        <xdr:cNvCxnSpPr/>
      </xdr:nvCxnSpPr>
      <xdr:spPr>
        <a:xfrm>
          <a:off x="3588385" y="5332639"/>
          <a:ext cx="619760" cy="40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6</xdr:row>
      <xdr:rowOff>141786</xdr:rowOff>
    </xdr:from>
    <xdr:to>
      <xdr:col>15</xdr:col>
      <xdr:colOff>187325</xdr:colOff>
      <xdr:row>27</xdr:row>
      <xdr:rowOff>71936</xdr:rowOff>
    </xdr:to>
    <xdr:sp macro="" textlink="">
      <xdr:nvSpPr>
        <xdr:cNvPr id="87" name="楕円 86"/>
        <xdr:cNvSpPr/>
      </xdr:nvSpPr>
      <xdr:spPr>
        <a:xfrm>
          <a:off x="2867025" y="525480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7</xdr:row>
      <xdr:rowOff>21136</xdr:rowOff>
    </xdr:from>
    <xdr:to>
      <xdr:col>19</xdr:col>
      <xdr:colOff>136525</xdr:colOff>
      <xdr:row>27</xdr:row>
      <xdr:rowOff>51979</xdr:rowOff>
    </xdr:to>
    <xdr:cxnSp macro="">
      <xdr:nvCxnSpPr>
        <xdr:cNvPr id="88" name="直線コネクタ 87"/>
        <xdr:cNvCxnSpPr/>
      </xdr:nvCxnSpPr>
      <xdr:spPr>
        <a:xfrm>
          <a:off x="2917825" y="5301796"/>
          <a:ext cx="670560" cy="30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6</xdr:row>
      <xdr:rowOff>114028</xdr:rowOff>
    </xdr:from>
    <xdr:to>
      <xdr:col>11</xdr:col>
      <xdr:colOff>187325</xdr:colOff>
      <xdr:row>27</xdr:row>
      <xdr:rowOff>44178</xdr:rowOff>
    </xdr:to>
    <xdr:sp macro="" textlink="">
      <xdr:nvSpPr>
        <xdr:cNvPr id="89" name="楕円 88"/>
        <xdr:cNvSpPr/>
      </xdr:nvSpPr>
      <xdr:spPr>
        <a:xfrm>
          <a:off x="2196465" y="522704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6</xdr:row>
      <xdr:rowOff>164828</xdr:rowOff>
    </xdr:from>
    <xdr:to>
      <xdr:col>15</xdr:col>
      <xdr:colOff>136525</xdr:colOff>
      <xdr:row>27</xdr:row>
      <xdr:rowOff>21136</xdr:rowOff>
    </xdr:to>
    <xdr:cxnSp macro="">
      <xdr:nvCxnSpPr>
        <xdr:cNvPr id="90" name="直線コネクタ 89"/>
        <xdr:cNvCxnSpPr/>
      </xdr:nvCxnSpPr>
      <xdr:spPr>
        <a:xfrm>
          <a:off x="2247265" y="5277848"/>
          <a:ext cx="670560" cy="23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6</xdr:row>
      <xdr:rowOff>89353</xdr:rowOff>
    </xdr:from>
    <xdr:to>
      <xdr:col>7</xdr:col>
      <xdr:colOff>187325</xdr:colOff>
      <xdr:row>27</xdr:row>
      <xdr:rowOff>19503</xdr:rowOff>
    </xdr:to>
    <xdr:sp macro="" textlink="">
      <xdr:nvSpPr>
        <xdr:cNvPr id="91" name="楕円 90"/>
        <xdr:cNvSpPr/>
      </xdr:nvSpPr>
      <xdr:spPr>
        <a:xfrm>
          <a:off x="1525905" y="520237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6</xdr:row>
      <xdr:rowOff>140153</xdr:rowOff>
    </xdr:from>
    <xdr:to>
      <xdr:col>11</xdr:col>
      <xdr:colOff>136525</xdr:colOff>
      <xdr:row>26</xdr:row>
      <xdr:rowOff>164828</xdr:rowOff>
    </xdr:to>
    <xdr:cxnSp macro="">
      <xdr:nvCxnSpPr>
        <xdr:cNvPr id="92" name="直線コネクタ 91"/>
        <xdr:cNvCxnSpPr/>
      </xdr:nvCxnSpPr>
      <xdr:spPr>
        <a:xfrm>
          <a:off x="1576705" y="5253173"/>
          <a:ext cx="670560" cy="24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2</xdr:row>
      <xdr:rowOff>4644</xdr:rowOff>
    </xdr:from>
    <xdr:ext cx="405111" cy="259045"/>
    <xdr:sp macro="" textlink="">
      <xdr:nvSpPr>
        <xdr:cNvPr id="93" name="n_1aveValue有形固定資産減価償却率"/>
        <xdr:cNvSpPr txBox="1"/>
      </xdr:nvSpPr>
      <xdr:spPr>
        <a:xfrm>
          <a:off x="3395989" y="61235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35998</xdr:rowOff>
    </xdr:from>
    <xdr:ext cx="405111" cy="259045"/>
    <xdr:sp macro="" textlink="">
      <xdr:nvSpPr>
        <xdr:cNvPr id="94" name="n_2aveValue有形固定資産減価償却率"/>
        <xdr:cNvSpPr txBox="1"/>
      </xdr:nvSpPr>
      <xdr:spPr>
        <a:xfrm>
          <a:off x="2738129" y="60872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95902</xdr:rowOff>
    </xdr:from>
    <xdr:ext cx="405111" cy="259045"/>
    <xdr:sp macro="" textlink="">
      <xdr:nvSpPr>
        <xdr:cNvPr id="95" name="n_3aveValue有形固定資産減価償却率"/>
        <xdr:cNvSpPr txBox="1"/>
      </xdr:nvSpPr>
      <xdr:spPr>
        <a:xfrm>
          <a:off x="2067569" y="604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55806</xdr:rowOff>
    </xdr:from>
    <xdr:ext cx="405111" cy="259045"/>
    <xdr:sp macro="" textlink="">
      <xdr:nvSpPr>
        <xdr:cNvPr id="96" name="n_4aveValue有形固定資産減価償却率"/>
        <xdr:cNvSpPr txBox="1"/>
      </xdr:nvSpPr>
      <xdr:spPr>
        <a:xfrm>
          <a:off x="1397009" y="60070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5</xdr:row>
      <xdr:rowOff>119306</xdr:rowOff>
    </xdr:from>
    <xdr:ext cx="405111" cy="259045"/>
    <xdr:sp macro="" textlink="">
      <xdr:nvSpPr>
        <xdr:cNvPr id="97" name="n_1mainValue有形固定資産減価償却率"/>
        <xdr:cNvSpPr txBox="1"/>
      </xdr:nvSpPr>
      <xdr:spPr>
        <a:xfrm>
          <a:off x="3395989" y="50646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5</xdr:row>
      <xdr:rowOff>88463</xdr:rowOff>
    </xdr:from>
    <xdr:ext cx="405111" cy="259045"/>
    <xdr:sp macro="" textlink="">
      <xdr:nvSpPr>
        <xdr:cNvPr id="98" name="n_2mainValue有形固定資産減価償却率"/>
        <xdr:cNvSpPr txBox="1"/>
      </xdr:nvSpPr>
      <xdr:spPr>
        <a:xfrm>
          <a:off x="2738129" y="5033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5</xdr:row>
      <xdr:rowOff>60705</xdr:rowOff>
    </xdr:from>
    <xdr:ext cx="405111" cy="259045"/>
    <xdr:sp macro="" textlink="">
      <xdr:nvSpPr>
        <xdr:cNvPr id="99" name="n_3mainValue有形固定資産減価償却率"/>
        <xdr:cNvSpPr txBox="1"/>
      </xdr:nvSpPr>
      <xdr:spPr>
        <a:xfrm>
          <a:off x="2067569" y="5006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5</xdr:row>
      <xdr:rowOff>36030</xdr:rowOff>
    </xdr:from>
    <xdr:ext cx="405111" cy="259045"/>
    <xdr:sp macro="" textlink="">
      <xdr:nvSpPr>
        <xdr:cNvPr id="100" name="n_4mainValue有形固定資産減価償却率"/>
        <xdr:cNvSpPr txBox="1"/>
      </xdr:nvSpPr>
      <xdr:spPr>
        <a:xfrm>
          <a:off x="1397009" y="4981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xdr:cNvSpPr/>
      </xdr:nvSpPr>
      <xdr:spPr>
        <a:xfrm>
          <a:off x="9971405" y="4180205"/>
          <a:ext cx="371602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xdr:cNvSpPr/>
      </xdr:nvSpPr>
      <xdr:spPr>
        <a:xfrm>
          <a:off x="10904488" y="452367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xdr:cNvSpPr/>
      </xdr:nvSpPr>
      <xdr:spPr>
        <a:xfrm>
          <a:off x="12166505" y="450700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3.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xdr:cNvSpPr/>
      </xdr:nvSpPr>
      <xdr:spPr>
        <a:xfrm>
          <a:off x="1365948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xdr:cNvSpPr/>
      </xdr:nvSpPr>
      <xdr:spPr>
        <a:xfrm>
          <a:off x="1365948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xdr:cNvSpPr/>
      </xdr:nvSpPr>
      <xdr:spPr>
        <a:xfrm>
          <a:off x="150006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xdr:cNvSpPr/>
      </xdr:nvSpPr>
      <xdr:spPr>
        <a:xfrm>
          <a:off x="150006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xdr:cNvSpPr/>
      </xdr:nvSpPr>
      <xdr:spPr>
        <a:xfrm>
          <a:off x="1644586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xdr:cNvSpPr/>
      </xdr:nvSpPr>
      <xdr:spPr>
        <a:xfrm>
          <a:off x="1644586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xdr:cNvSpPr/>
      </xdr:nvSpPr>
      <xdr:spPr>
        <a:xfrm>
          <a:off x="9971405" y="484441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xdr:cNvSpPr/>
      </xdr:nvSpPr>
      <xdr:spPr>
        <a:xfrm>
          <a:off x="1393126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xdr:cNvSpPr/>
      </xdr:nvSpPr>
      <xdr:spPr>
        <a:xfrm>
          <a:off x="1393126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xdr:cNvSpPr txBox="1"/>
      </xdr:nvSpPr>
      <xdr:spPr>
        <a:xfrm>
          <a:off x="1400746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公共下水道事業の起債残高の減等により将来負担額が減となったことから、債務償還比率は減少した。ごみ収集事業等で直営が残っていることや、高年齢職員が多いことにより給与水準が類似団体平均を上回っているため、今後も業務の民間委託や再任用職員の知識・経験の活用などによる効率的な運営に努めていく。</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xdr:cNvSpPr txBox="1"/>
      </xdr:nvSpPr>
      <xdr:spPr>
        <a:xfrm>
          <a:off x="993330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xdr:cNvCxnSpPr/>
      </xdr:nvCxnSpPr>
      <xdr:spPr>
        <a:xfrm>
          <a:off x="9971405" y="69576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xdr:cNvSpPr txBox="1"/>
      </xdr:nvSpPr>
      <xdr:spPr>
        <a:xfrm>
          <a:off x="9486041" y="686389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xdr:cNvCxnSpPr/>
      </xdr:nvCxnSpPr>
      <xdr:spPr>
        <a:xfrm>
          <a:off x="9971405" y="66054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xdr:cNvSpPr txBox="1"/>
      </xdr:nvSpPr>
      <xdr:spPr>
        <a:xfrm>
          <a:off x="9486041" y="651168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xdr:cNvCxnSpPr/>
      </xdr:nvCxnSpPr>
      <xdr:spPr>
        <a:xfrm>
          <a:off x="9971405" y="625326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0" name="テキスト ボックス 119"/>
        <xdr:cNvSpPr txBox="1"/>
      </xdr:nvSpPr>
      <xdr:spPr>
        <a:xfrm>
          <a:off x="9542936" y="615946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xdr:cNvCxnSpPr/>
      </xdr:nvCxnSpPr>
      <xdr:spPr>
        <a:xfrm>
          <a:off x="9971405" y="59010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xdr:cNvSpPr txBox="1"/>
      </xdr:nvSpPr>
      <xdr:spPr>
        <a:xfrm>
          <a:off x="9542936" y="580725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xdr:cNvCxnSpPr/>
      </xdr:nvCxnSpPr>
      <xdr:spPr>
        <a:xfrm>
          <a:off x="9971405" y="554884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xdr:cNvSpPr txBox="1"/>
      </xdr:nvSpPr>
      <xdr:spPr>
        <a:xfrm>
          <a:off x="9542936" y="54550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xdr:cNvCxnSpPr/>
      </xdr:nvCxnSpPr>
      <xdr:spPr>
        <a:xfrm>
          <a:off x="9971405" y="519662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6" name="テキスト ボックス 125"/>
        <xdr:cNvSpPr txBox="1"/>
      </xdr:nvSpPr>
      <xdr:spPr>
        <a:xfrm>
          <a:off x="9645528" y="510663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xdr:cNvCxnSpPr/>
      </xdr:nvCxnSpPr>
      <xdr:spPr>
        <a:xfrm>
          <a:off x="9971405" y="48444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xdr:cNvSpPr/>
      </xdr:nvSpPr>
      <xdr:spPr>
        <a:xfrm>
          <a:off x="9971405" y="484441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5</xdr:row>
      <xdr:rowOff>11317</xdr:rowOff>
    </xdr:to>
    <xdr:cxnSp macro="">
      <xdr:nvCxnSpPr>
        <xdr:cNvPr id="129" name="直線コネクタ 128"/>
        <xdr:cNvCxnSpPr/>
      </xdr:nvCxnSpPr>
      <xdr:spPr>
        <a:xfrm flipV="1">
          <a:off x="13027660" y="5196628"/>
          <a:ext cx="1269" cy="14364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15144</xdr:rowOff>
    </xdr:from>
    <xdr:ext cx="560923" cy="259045"/>
    <xdr:sp macro="" textlink="">
      <xdr:nvSpPr>
        <xdr:cNvPr id="130" name="債務償還比率最小値テキスト"/>
        <xdr:cNvSpPr txBox="1"/>
      </xdr:nvSpPr>
      <xdr:spPr>
        <a:xfrm>
          <a:off x="13080365" y="663692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11317</xdr:rowOff>
    </xdr:from>
    <xdr:to>
      <xdr:col>76</xdr:col>
      <xdr:colOff>111125</xdr:colOff>
      <xdr:row>35</xdr:row>
      <xdr:rowOff>11317</xdr:rowOff>
    </xdr:to>
    <xdr:cxnSp macro="">
      <xdr:nvCxnSpPr>
        <xdr:cNvPr id="131" name="直線コネクタ 130"/>
        <xdr:cNvCxnSpPr/>
      </xdr:nvCxnSpPr>
      <xdr:spPr>
        <a:xfrm>
          <a:off x="12963525" y="663309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2" name="債務償還比率最大値テキスト"/>
        <xdr:cNvSpPr txBox="1"/>
      </xdr:nvSpPr>
      <xdr:spPr>
        <a:xfrm>
          <a:off x="13080365" y="497566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3" name="直線コネクタ 132"/>
        <xdr:cNvCxnSpPr/>
      </xdr:nvCxnSpPr>
      <xdr:spPr>
        <a:xfrm>
          <a:off x="12963525" y="519662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87082</xdr:rowOff>
    </xdr:from>
    <xdr:ext cx="469744" cy="259045"/>
    <xdr:sp macro="" textlink="">
      <xdr:nvSpPr>
        <xdr:cNvPr id="134" name="債務償還比率平均値テキスト"/>
        <xdr:cNvSpPr txBox="1"/>
      </xdr:nvSpPr>
      <xdr:spPr>
        <a:xfrm>
          <a:off x="13080365" y="58706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08655</xdr:rowOff>
    </xdr:from>
    <xdr:to>
      <xdr:col>76</xdr:col>
      <xdr:colOff>73025</xdr:colOff>
      <xdr:row>31</xdr:row>
      <xdr:rowOff>38805</xdr:rowOff>
    </xdr:to>
    <xdr:sp macro="" textlink="">
      <xdr:nvSpPr>
        <xdr:cNvPr id="135" name="フローチャート: 判断 134"/>
        <xdr:cNvSpPr/>
      </xdr:nvSpPr>
      <xdr:spPr>
        <a:xfrm>
          <a:off x="13001625" y="589223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10695</xdr:rowOff>
    </xdr:from>
    <xdr:to>
      <xdr:col>72</xdr:col>
      <xdr:colOff>123825</xdr:colOff>
      <xdr:row>31</xdr:row>
      <xdr:rowOff>40845</xdr:rowOff>
    </xdr:to>
    <xdr:sp macro="" textlink="">
      <xdr:nvSpPr>
        <xdr:cNvPr id="136" name="フローチャート: 判断 135"/>
        <xdr:cNvSpPr/>
      </xdr:nvSpPr>
      <xdr:spPr>
        <a:xfrm>
          <a:off x="12359005" y="58942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91743</xdr:rowOff>
    </xdr:from>
    <xdr:to>
      <xdr:col>68</xdr:col>
      <xdr:colOff>123825</xdr:colOff>
      <xdr:row>31</xdr:row>
      <xdr:rowOff>21893</xdr:rowOff>
    </xdr:to>
    <xdr:sp macro="" textlink="">
      <xdr:nvSpPr>
        <xdr:cNvPr id="137" name="フローチャート: 判断 136"/>
        <xdr:cNvSpPr/>
      </xdr:nvSpPr>
      <xdr:spPr>
        <a:xfrm>
          <a:off x="11688445" y="587532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15852</xdr:rowOff>
    </xdr:from>
    <xdr:to>
      <xdr:col>64</xdr:col>
      <xdr:colOff>123825</xdr:colOff>
      <xdr:row>31</xdr:row>
      <xdr:rowOff>46002</xdr:rowOff>
    </xdr:to>
    <xdr:sp macro="" textlink="">
      <xdr:nvSpPr>
        <xdr:cNvPr id="138" name="フローチャート: 判断 137"/>
        <xdr:cNvSpPr/>
      </xdr:nvSpPr>
      <xdr:spPr>
        <a:xfrm>
          <a:off x="11017885" y="589943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23409</xdr:rowOff>
    </xdr:from>
    <xdr:to>
      <xdr:col>60</xdr:col>
      <xdr:colOff>123825</xdr:colOff>
      <xdr:row>31</xdr:row>
      <xdr:rowOff>53559</xdr:rowOff>
    </xdr:to>
    <xdr:sp macro="" textlink="">
      <xdr:nvSpPr>
        <xdr:cNvPr id="139" name="フローチャート: 判断 138"/>
        <xdr:cNvSpPr/>
      </xdr:nvSpPr>
      <xdr:spPr>
        <a:xfrm>
          <a:off x="10347325" y="590698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xdr:cNvSpPr txBox="1"/>
      </xdr:nvSpPr>
      <xdr:spPr>
        <a:xfrm>
          <a:off x="128746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xdr:cNvSpPr txBox="1"/>
      </xdr:nvSpPr>
      <xdr:spPr>
        <a:xfrm>
          <a:off x="122548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xdr:cNvSpPr txBox="1"/>
      </xdr:nvSpPr>
      <xdr:spPr>
        <a:xfrm>
          <a:off x="115843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xdr:cNvSpPr txBox="1"/>
      </xdr:nvSpPr>
      <xdr:spPr>
        <a:xfrm>
          <a:off x="109137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xdr:cNvSpPr txBox="1"/>
      </xdr:nvSpPr>
      <xdr:spPr>
        <a:xfrm>
          <a:off x="102431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95342</xdr:rowOff>
    </xdr:from>
    <xdr:to>
      <xdr:col>76</xdr:col>
      <xdr:colOff>73025</xdr:colOff>
      <xdr:row>31</xdr:row>
      <xdr:rowOff>25492</xdr:rowOff>
    </xdr:to>
    <xdr:sp macro="" textlink="">
      <xdr:nvSpPr>
        <xdr:cNvPr id="145" name="楕円 144"/>
        <xdr:cNvSpPr/>
      </xdr:nvSpPr>
      <xdr:spPr>
        <a:xfrm>
          <a:off x="13001625" y="587892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18219</xdr:rowOff>
    </xdr:from>
    <xdr:ext cx="469744" cy="259045"/>
    <xdr:sp macro="" textlink="">
      <xdr:nvSpPr>
        <xdr:cNvPr id="146" name="債務償還比率該当値テキスト"/>
        <xdr:cNvSpPr txBox="1"/>
      </xdr:nvSpPr>
      <xdr:spPr>
        <a:xfrm>
          <a:off x="13080365" y="5734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44556</xdr:rowOff>
    </xdr:from>
    <xdr:to>
      <xdr:col>72</xdr:col>
      <xdr:colOff>123825</xdr:colOff>
      <xdr:row>31</xdr:row>
      <xdr:rowOff>146156</xdr:rowOff>
    </xdr:to>
    <xdr:sp macro="" textlink="">
      <xdr:nvSpPr>
        <xdr:cNvPr id="147" name="楕円 146"/>
        <xdr:cNvSpPr/>
      </xdr:nvSpPr>
      <xdr:spPr>
        <a:xfrm>
          <a:off x="12359005" y="5995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46142</xdr:rowOff>
    </xdr:from>
    <xdr:to>
      <xdr:col>76</xdr:col>
      <xdr:colOff>22225</xdr:colOff>
      <xdr:row>31</xdr:row>
      <xdr:rowOff>95356</xdr:rowOff>
    </xdr:to>
    <xdr:cxnSp macro="">
      <xdr:nvCxnSpPr>
        <xdr:cNvPr id="148" name="直線コネクタ 147"/>
        <xdr:cNvCxnSpPr/>
      </xdr:nvCxnSpPr>
      <xdr:spPr>
        <a:xfrm flipV="1">
          <a:off x="12409805" y="5929722"/>
          <a:ext cx="619760" cy="116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66985</xdr:rowOff>
    </xdr:from>
    <xdr:to>
      <xdr:col>68</xdr:col>
      <xdr:colOff>123825</xdr:colOff>
      <xdr:row>31</xdr:row>
      <xdr:rowOff>168585</xdr:rowOff>
    </xdr:to>
    <xdr:sp macro="" textlink="">
      <xdr:nvSpPr>
        <xdr:cNvPr id="149" name="楕円 148"/>
        <xdr:cNvSpPr/>
      </xdr:nvSpPr>
      <xdr:spPr>
        <a:xfrm>
          <a:off x="11688445" y="6018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95356</xdr:rowOff>
    </xdr:from>
    <xdr:to>
      <xdr:col>72</xdr:col>
      <xdr:colOff>73025</xdr:colOff>
      <xdr:row>31</xdr:row>
      <xdr:rowOff>117785</xdr:rowOff>
    </xdr:to>
    <xdr:cxnSp macro="">
      <xdr:nvCxnSpPr>
        <xdr:cNvPr id="150" name="直線コネクタ 149"/>
        <xdr:cNvCxnSpPr/>
      </xdr:nvCxnSpPr>
      <xdr:spPr>
        <a:xfrm flipV="1">
          <a:off x="11739245" y="6046576"/>
          <a:ext cx="670560" cy="22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19777</xdr:rowOff>
    </xdr:from>
    <xdr:to>
      <xdr:col>64</xdr:col>
      <xdr:colOff>123825</xdr:colOff>
      <xdr:row>30</xdr:row>
      <xdr:rowOff>121377</xdr:rowOff>
    </xdr:to>
    <xdr:sp macro="" textlink="">
      <xdr:nvSpPr>
        <xdr:cNvPr id="151" name="楕円 150"/>
        <xdr:cNvSpPr/>
      </xdr:nvSpPr>
      <xdr:spPr>
        <a:xfrm>
          <a:off x="11017885" y="580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70577</xdr:rowOff>
    </xdr:from>
    <xdr:to>
      <xdr:col>68</xdr:col>
      <xdr:colOff>73025</xdr:colOff>
      <xdr:row>31</xdr:row>
      <xdr:rowOff>117785</xdr:rowOff>
    </xdr:to>
    <xdr:cxnSp macro="">
      <xdr:nvCxnSpPr>
        <xdr:cNvPr id="152" name="直線コネクタ 151"/>
        <xdr:cNvCxnSpPr/>
      </xdr:nvCxnSpPr>
      <xdr:spPr>
        <a:xfrm>
          <a:off x="11068685" y="5854157"/>
          <a:ext cx="670560" cy="214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14773</xdr:rowOff>
    </xdr:from>
    <xdr:to>
      <xdr:col>60</xdr:col>
      <xdr:colOff>123825</xdr:colOff>
      <xdr:row>31</xdr:row>
      <xdr:rowOff>44923</xdr:rowOff>
    </xdr:to>
    <xdr:sp macro="" textlink="">
      <xdr:nvSpPr>
        <xdr:cNvPr id="153" name="楕円 152"/>
        <xdr:cNvSpPr/>
      </xdr:nvSpPr>
      <xdr:spPr>
        <a:xfrm>
          <a:off x="10347325" y="58983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70577</xdr:rowOff>
    </xdr:from>
    <xdr:to>
      <xdr:col>64</xdr:col>
      <xdr:colOff>73025</xdr:colOff>
      <xdr:row>30</xdr:row>
      <xdr:rowOff>165573</xdr:rowOff>
    </xdr:to>
    <xdr:cxnSp macro="">
      <xdr:nvCxnSpPr>
        <xdr:cNvPr id="154" name="直線コネクタ 153"/>
        <xdr:cNvCxnSpPr/>
      </xdr:nvCxnSpPr>
      <xdr:spPr>
        <a:xfrm flipV="1">
          <a:off x="10398125" y="5854157"/>
          <a:ext cx="670560" cy="94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57372</xdr:rowOff>
    </xdr:from>
    <xdr:ext cx="469744" cy="259045"/>
    <xdr:sp macro="" textlink="">
      <xdr:nvSpPr>
        <xdr:cNvPr id="155" name="n_1aveValue債務償還比率"/>
        <xdr:cNvSpPr txBox="1"/>
      </xdr:nvSpPr>
      <xdr:spPr>
        <a:xfrm>
          <a:off x="12185092" y="567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38420</xdr:rowOff>
    </xdr:from>
    <xdr:ext cx="469744" cy="259045"/>
    <xdr:sp macro="" textlink="">
      <xdr:nvSpPr>
        <xdr:cNvPr id="156" name="n_2aveValue債務償還比率"/>
        <xdr:cNvSpPr txBox="1"/>
      </xdr:nvSpPr>
      <xdr:spPr>
        <a:xfrm>
          <a:off x="11527232" y="56543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37129</xdr:rowOff>
    </xdr:from>
    <xdr:ext cx="469744" cy="259045"/>
    <xdr:sp macro="" textlink="">
      <xdr:nvSpPr>
        <xdr:cNvPr id="157" name="n_3aveValue債務償還比率"/>
        <xdr:cNvSpPr txBox="1"/>
      </xdr:nvSpPr>
      <xdr:spPr>
        <a:xfrm>
          <a:off x="10856672" y="5988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44686</xdr:rowOff>
    </xdr:from>
    <xdr:ext cx="469744" cy="259045"/>
    <xdr:sp macro="" textlink="">
      <xdr:nvSpPr>
        <xdr:cNvPr id="158" name="n_4aveValue債務償還比率"/>
        <xdr:cNvSpPr txBox="1"/>
      </xdr:nvSpPr>
      <xdr:spPr>
        <a:xfrm>
          <a:off x="10186112" y="5995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37283</xdr:rowOff>
    </xdr:from>
    <xdr:ext cx="469744" cy="259045"/>
    <xdr:sp macro="" textlink="">
      <xdr:nvSpPr>
        <xdr:cNvPr id="159" name="n_1mainValue債務償還比率"/>
        <xdr:cNvSpPr txBox="1"/>
      </xdr:nvSpPr>
      <xdr:spPr>
        <a:xfrm>
          <a:off x="12185092" y="6088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59712</xdr:rowOff>
    </xdr:from>
    <xdr:ext cx="469744" cy="259045"/>
    <xdr:sp macro="" textlink="">
      <xdr:nvSpPr>
        <xdr:cNvPr id="160" name="n_2mainValue債務償還比率"/>
        <xdr:cNvSpPr txBox="1"/>
      </xdr:nvSpPr>
      <xdr:spPr>
        <a:xfrm>
          <a:off x="11527232" y="6110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37904</xdr:rowOff>
    </xdr:from>
    <xdr:ext cx="469744" cy="259045"/>
    <xdr:sp macro="" textlink="">
      <xdr:nvSpPr>
        <xdr:cNvPr id="161" name="n_3mainValue債務償還比率"/>
        <xdr:cNvSpPr txBox="1"/>
      </xdr:nvSpPr>
      <xdr:spPr>
        <a:xfrm>
          <a:off x="10856672" y="5586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61450</xdr:rowOff>
    </xdr:from>
    <xdr:ext cx="469744" cy="259045"/>
    <xdr:sp macro="" textlink="">
      <xdr:nvSpPr>
        <xdr:cNvPr id="162" name="n_4mainValue債務償還比率"/>
        <xdr:cNvSpPr txBox="1"/>
      </xdr:nvSpPr>
      <xdr:spPr>
        <a:xfrm>
          <a:off x="10186112" y="5677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xdr:cNvSpPr/>
      </xdr:nvSpPr>
      <xdr:spPr>
        <a:xfrm>
          <a:off x="1127125" y="781812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xdr:cNvSpPr/>
      </xdr:nvSpPr>
      <xdr:spPr>
        <a:xfrm>
          <a:off x="1127125" y="1153477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xdr:cNvSpPr txBox="1"/>
      </xdr:nvSpPr>
      <xdr:spPr>
        <a:xfrm>
          <a:off x="817245" y="8064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xdr:cNvSpPr txBox="1"/>
      </xdr:nvSpPr>
      <xdr:spPr>
        <a:xfrm>
          <a:off x="6156325" y="10674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xdr:cNvSpPr txBox="1"/>
      </xdr:nvSpPr>
      <xdr:spPr>
        <a:xfrm>
          <a:off x="817245" y="1175575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xdr:cNvSpPr txBox="1"/>
      </xdr:nvSpPr>
      <xdr:spPr>
        <a:xfrm>
          <a:off x="6156325" y="144506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86
80,728
22.14
38,741,486
37,050,872
1,129,343
16,618,470
15,880,5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2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14300</xdr:rowOff>
    </xdr:from>
    <xdr:to>
      <xdr:col>24</xdr:col>
      <xdr:colOff>62865</xdr:colOff>
      <xdr:row>41</xdr:row>
      <xdr:rowOff>1905</xdr:rowOff>
    </xdr:to>
    <xdr:cxnSp macro="">
      <xdr:nvCxnSpPr>
        <xdr:cNvPr id="57" name="直線コネクタ 56"/>
        <xdr:cNvCxnSpPr/>
      </xdr:nvCxnSpPr>
      <xdr:spPr>
        <a:xfrm flipV="1">
          <a:off x="4086225" y="5814060"/>
          <a:ext cx="0" cy="1061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5732</xdr:rowOff>
    </xdr:from>
    <xdr:ext cx="405111" cy="259045"/>
    <xdr:sp macro="" textlink="">
      <xdr:nvSpPr>
        <xdr:cNvPr id="58" name="【道路】&#10;有形固定資産減価償却率最小値テキスト"/>
        <xdr:cNvSpPr txBox="1"/>
      </xdr:nvSpPr>
      <xdr:spPr>
        <a:xfrm>
          <a:off x="4124960" y="687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905</xdr:rowOff>
    </xdr:from>
    <xdr:to>
      <xdr:col>24</xdr:col>
      <xdr:colOff>152400</xdr:colOff>
      <xdr:row>41</xdr:row>
      <xdr:rowOff>1905</xdr:rowOff>
    </xdr:to>
    <xdr:cxnSp macro="">
      <xdr:nvCxnSpPr>
        <xdr:cNvPr id="59" name="直線コネクタ 58"/>
        <xdr:cNvCxnSpPr/>
      </xdr:nvCxnSpPr>
      <xdr:spPr>
        <a:xfrm>
          <a:off x="4020820" y="68751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60977</xdr:rowOff>
    </xdr:from>
    <xdr:ext cx="405111" cy="259045"/>
    <xdr:sp macro="" textlink="">
      <xdr:nvSpPr>
        <xdr:cNvPr id="60" name="【道路】&#10;有形固定資産減価償却率最大値テキスト"/>
        <xdr:cNvSpPr txBox="1"/>
      </xdr:nvSpPr>
      <xdr:spPr>
        <a:xfrm>
          <a:off x="4124960" y="5593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14300</xdr:rowOff>
    </xdr:from>
    <xdr:to>
      <xdr:col>24</xdr:col>
      <xdr:colOff>152400</xdr:colOff>
      <xdr:row>34</xdr:row>
      <xdr:rowOff>114300</xdr:rowOff>
    </xdr:to>
    <xdr:cxnSp macro="">
      <xdr:nvCxnSpPr>
        <xdr:cNvPr id="61" name="直線コネクタ 60"/>
        <xdr:cNvCxnSpPr/>
      </xdr:nvCxnSpPr>
      <xdr:spPr>
        <a:xfrm>
          <a:off x="4020820" y="58140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80027</xdr:rowOff>
    </xdr:from>
    <xdr:ext cx="405111" cy="259045"/>
    <xdr:sp macro="" textlink="">
      <xdr:nvSpPr>
        <xdr:cNvPr id="62" name="【道路】&#10;有形固定資産減価償却率平均値テキスト"/>
        <xdr:cNvSpPr txBox="1"/>
      </xdr:nvSpPr>
      <xdr:spPr>
        <a:xfrm>
          <a:off x="4124960" y="62827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1600</xdr:rowOff>
    </xdr:from>
    <xdr:to>
      <xdr:col>24</xdr:col>
      <xdr:colOff>114300</xdr:colOff>
      <xdr:row>38</xdr:row>
      <xdr:rowOff>31750</xdr:rowOff>
    </xdr:to>
    <xdr:sp macro="" textlink="">
      <xdr:nvSpPr>
        <xdr:cNvPr id="63" name="フローチャート: 判断 62"/>
        <xdr:cNvSpPr/>
      </xdr:nvSpPr>
      <xdr:spPr>
        <a:xfrm>
          <a:off x="4036060" y="63042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8265</xdr:rowOff>
    </xdr:from>
    <xdr:to>
      <xdr:col>20</xdr:col>
      <xdr:colOff>38100</xdr:colOff>
      <xdr:row>38</xdr:row>
      <xdr:rowOff>18415</xdr:rowOff>
    </xdr:to>
    <xdr:sp macro="" textlink="">
      <xdr:nvSpPr>
        <xdr:cNvPr id="64" name="フローチャート: 判断 63"/>
        <xdr:cNvSpPr/>
      </xdr:nvSpPr>
      <xdr:spPr>
        <a:xfrm>
          <a:off x="3312160" y="629094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4450</xdr:rowOff>
    </xdr:from>
    <xdr:to>
      <xdr:col>15</xdr:col>
      <xdr:colOff>101600</xdr:colOff>
      <xdr:row>37</xdr:row>
      <xdr:rowOff>146050</xdr:rowOff>
    </xdr:to>
    <xdr:sp macro="" textlink="">
      <xdr:nvSpPr>
        <xdr:cNvPr id="65" name="フローチャート: 判断 64"/>
        <xdr:cNvSpPr/>
      </xdr:nvSpPr>
      <xdr:spPr>
        <a:xfrm>
          <a:off x="2514600" y="6247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8750</xdr:rowOff>
    </xdr:from>
    <xdr:to>
      <xdr:col>10</xdr:col>
      <xdr:colOff>165100</xdr:colOff>
      <xdr:row>37</xdr:row>
      <xdr:rowOff>88900</xdr:rowOff>
    </xdr:to>
    <xdr:sp macro="" textlink="">
      <xdr:nvSpPr>
        <xdr:cNvPr id="66" name="フローチャート: 判断 65"/>
        <xdr:cNvSpPr/>
      </xdr:nvSpPr>
      <xdr:spPr>
        <a:xfrm>
          <a:off x="1739900" y="61937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2540</xdr:rowOff>
    </xdr:from>
    <xdr:to>
      <xdr:col>6</xdr:col>
      <xdr:colOff>38100</xdr:colOff>
      <xdr:row>37</xdr:row>
      <xdr:rowOff>104140</xdr:rowOff>
    </xdr:to>
    <xdr:sp macro="" textlink="">
      <xdr:nvSpPr>
        <xdr:cNvPr id="67" name="フローチャート: 判断 66"/>
        <xdr:cNvSpPr/>
      </xdr:nvSpPr>
      <xdr:spPr>
        <a:xfrm>
          <a:off x="965200" y="62052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7315</xdr:rowOff>
    </xdr:from>
    <xdr:to>
      <xdr:col>24</xdr:col>
      <xdr:colOff>114300</xdr:colOff>
      <xdr:row>36</xdr:row>
      <xdr:rowOff>37465</xdr:rowOff>
    </xdr:to>
    <xdr:sp macro="" textlink="">
      <xdr:nvSpPr>
        <xdr:cNvPr id="73" name="楕円 72"/>
        <xdr:cNvSpPr/>
      </xdr:nvSpPr>
      <xdr:spPr>
        <a:xfrm>
          <a:off x="4036060" y="59747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130192</xdr:rowOff>
    </xdr:from>
    <xdr:ext cx="405111" cy="259045"/>
    <xdr:sp macro="" textlink="">
      <xdr:nvSpPr>
        <xdr:cNvPr id="74" name="【道路】&#10;有形固定資産減価償却率該当値テキスト"/>
        <xdr:cNvSpPr txBox="1"/>
      </xdr:nvSpPr>
      <xdr:spPr>
        <a:xfrm>
          <a:off x="4124960" y="582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95885</xdr:rowOff>
    </xdr:from>
    <xdr:to>
      <xdr:col>20</xdr:col>
      <xdr:colOff>38100</xdr:colOff>
      <xdr:row>36</xdr:row>
      <xdr:rowOff>26035</xdr:rowOff>
    </xdr:to>
    <xdr:sp macro="" textlink="">
      <xdr:nvSpPr>
        <xdr:cNvPr id="75" name="楕円 74"/>
        <xdr:cNvSpPr/>
      </xdr:nvSpPr>
      <xdr:spPr>
        <a:xfrm>
          <a:off x="3312160" y="596328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146685</xdr:rowOff>
    </xdr:from>
    <xdr:to>
      <xdr:col>24</xdr:col>
      <xdr:colOff>63500</xdr:colOff>
      <xdr:row>35</xdr:row>
      <xdr:rowOff>158115</xdr:rowOff>
    </xdr:to>
    <xdr:cxnSp macro="">
      <xdr:nvCxnSpPr>
        <xdr:cNvPr id="76" name="直線コネクタ 75"/>
        <xdr:cNvCxnSpPr/>
      </xdr:nvCxnSpPr>
      <xdr:spPr>
        <a:xfrm>
          <a:off x="3355340" y="6014085"/>
          <a:ext cx="73152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1595</xdr:rowOff>
    </xdr:from>
    <xdr:to>
      <xdr:col>15</xdr:col>
      <xdr:colOff>101600</xdr:colOff>
      <xdr:row>35</xdr:row>
      <xdr:rowOff>163195</xdr:rowOff>
    </xdr:to>
    <xdr:sp macro="" textlink="">
      <xdr:nvSpPr>
        <xdr:cNvPr id="77" name="楕円 76"/>
        <xdr:cNvSpPr/>
      </xdr:nvSpPr>
      <xdr:spPr>
        <a:xfrm>
          <a:off x="2514600" y="592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12395</xdr:rowOff>
    </xdr:from>
    <xdr:to>
      <xdr:col>19</xdr:col>
      <xdr:colOff>177800</xdr:colOff>
      <xdr:row>35</xdr:row>
      <xdr:rowOff>146685</xdr:rowOff>
    </xdr:to>
    <xdr:cxnSp macro="">
      <xdr:nvCxnSpPr>
        <xdr:cNvPr id="78" name="直線コネクタ 77"/>
        <xdr:cNvCxnSpPr/>
      </xdr:nvCxnSpPr>
      <xdr:spPr>
        <a:xfrm>
          <a:off x="2565400" y="5979795"/>
          <a:ext cx="78994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57785</xdr:rowOff>
    </xdr:from>
    <xdr:to>
      <xdr:col>10</xdr:col>
      <xdr:colOff>165100</xdr:colOff>
      <xdr:row>35</xdr:row>
      <xdr:rowOff>159385</xdr:rowOff>
    </xdr:to>
    <xdr:sp macro="" textlink="">
      <xdr:nvSpPr>
        <xdr:cNvPr id="79" name="楕円 78"/>
        <xdr:cNvSpPr/>
      </xdr:nvSpPr>
      <xdr:spPr>
        <a:xfrm>
          <a:off x="1739900" y="592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08585</xdr:rowOff>
    </xdr:from>
    <xdr:to>
      <xdr:col>15</xdr:col>
      <xdr:colOff>50800</xdr:colOff>
      <xdr:row>35</xdr:row>
      <xdr:rowOff>112395</xdr:rowOff>
    </xdr:to>
    <xdr:cxnSp macro="">
      <xdr:nvCxnSpPr>
        <xdr:cNvPr id="80" name="直線コネクタ 79"/>
        <xdr:cNvCxnSpPr/>
      </xdr:nvCxnSpPr>
      <xdr:spPr>
        <a:xfrm>
          <a:off x="1790700" y="5975985"/>
          <a:ext cx="7747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42545</xdr:rowOff>
    </xdr:from>
    <xdr:to>
      <xdr:col>6</xdr:col>
      <xdr:colOff>38100</xdr:colOff>
      <xdr:row>35</xdr:row>
      <xdr:rowOff>144145</xdr:rowOff>
    </xdr:to>
    <xdr:sp macro="" textlink="">
      <xdr:nvSpPr>
        <xdr:cNvPr id="81" name="楕円 80"/>
        <xdr:cNvSpPr/>
      </xdr:nvSpPr>
      <xdr:spPr>
        <a:xfrm>
          <a:off x="965200" y="590994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93345</xdr:rowOff>
    </xdr:from>
    <xdr:to>
      <xdr:col>10</xdr:col>
      <xdr:colOff>114300</xdr:colOff>
      <xdr:row>35</xdr:row>
      <xdr:rowOff>108585</xdr:rowOff>
    </xdr:to>
    <xdr:cxnSp macro="">
      <xdr:nvCxnSpPr>
        <xdr:cNvPr id="82" name="直線コネクタ 81"/>
        <xdr:cNvCxnSpPr/>
      </xdr:nvCxnSpPr>
      <xdr:spPr>
        <a:xfrm>
          <a:off x="1008380" y="5960745"/>
          <a:ext cx="78232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9542</xdr:rowOff>
    </xdr:from>
    <xdr:ext cx="405111" cy="259045"/>
    <xdr:sp macro="" textlink="">
      <xdr:nvSpPr>
        <xdr:cNvPr id="83" name="n_1aveValue【道路】&#10;有形固定資産減価償却率"/>
        <xdr:cNvSpPr txBox="1"/>
      </xdr:nvSpPr>
      <xdr:spPr>
        <a:xfrm>
          <a:off x="3170564" y="6379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37177</xdr:rowOff>
    </xdr:from>
    <xdr:ext cx="405111" cy="259045"/>
    <xdr:sp macro="" textlink="">
      <xdr:nvSpPr>
        <xdr:cNvPr id="84" name="n_2aveValue【道路】&#10;有形固定資産減価償却率"/>
        <xdr:cNvSpPr txBox="1"/>
      </xdr:nvSpPr>
      <xdr:spPr>
        <a:xfrm>
          <a:off x="2385704" y="6339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80027</xdr:rowOff>
    </xdr:from>
    <xdr:ext cx="405111" cy="259045"/>
    <xdr:sp macro="" textlink="">
      <xdr:nvSpPr>
        <xdr:cNvPr id="85" name="n_3aveValue【道路】&#10;有形固定資産減価償却率"/>
        <xdr:cNvSpPr txBox="1"/>
      </xdr:nvSpPr>
      <xdr:spPr>
        <a:xfrm>
          <a:off x="1611004" y="6282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95267</xdr:rowOff>
    </xdr:from>
    <xdr:ext cx="405111" cy="259045"/>
    <xdr:sp macro="" textlink="">
      <xdr:nvSpPr>
        <xdr:cNvPr id="86" name="n_4aveValue【道路】&#10;有形固定資産減価償却率"/>
        <xdr:cNvSpPr txBox="1"/>
      </xdr:nvSpPr>
      <xdr:spPr>
        <a:xfrm>
          <a:off x="836304" y="6297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42562</xdr:rowOff>
    </xdr:from>
    <xdr:ext cx="405111" cy="259045"/>
    <xdr:sp macro="" textlink="">
      <xdr:nvSpPr>
        <xdr:cNvPr id="87" name="n_1mainValue【道路】&#10;有形固定資産減価償却率"/>
        <xdr:cNvSpPr txBox="1"/>
      </xdr:nvSpPr>
      <xdr:spPr>
        <a:xfrm>
          <a:off x="3170564" y="5742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8272</xdr:rowOff>
    </xdr:from>
    <xdr:ext cx="405111" cy="259045"/>
    <xdr:sp macro="" textlink="">
      <xdr:nvSpPr>
        <xdr:cNvPr id="88" name="n_2mainValue【道路】&#10;有形固定資産減価償却率"/>
        <xdr:cNvSpPr txBox="1"/>
      </xdr:nvSpPr>
      <xdr:spPr>
        <a:xfrm>
          <a:off x="2385704" y="5708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4462</xdr:rowOff>
    </xdr:from>
    <xdr:ext cx="405111" cy="259045"/>
    <xdr:sp macro="" textlink="">
      <xdr:nvSpPr>
        <xdr:cNvPr id="89" name="n_3mainValue【道路】&#10;有形固定資産減価償却率"/>
        <xdr:cNvSpPr txBox="1"/>
      </xdr:nvSpPr>
      <xdr:spPr>
        <a:xfrm>
          <a:off x="1611004" y="5704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160672</xdr:rowOff>
    </xdr:from>
    <xdr:ext cx="405111" cy="259045"/>
    <xdr:sp macro="" textlink="">
      <xdr:nvSpPr>
        <xdr:cNvPr id="90" name="n_4mainValue【道路】&#10;有形固定資産減価償却率"/>
        <xdr:cNvSpPr txBox="1"/>
      </xdr:nvSpPr>
      <xdr:spPr>
        <a:xfrm>
          <a:off x="836304" y="5692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xdr:cNvSpPr txBox="1"/>
      </xdr:nvSpPr>
      <xdr:spPr>
        <a:xfrm>
          <a:off x="5364041" y="65671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xdr:cNvSpPr txBox="1"/>
      </xdr:nvSpPr>
      <xdr:spPr>
        <a:xfrm>
          <a:off x="5364041" y="61976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xdr:cNvSpPr txBox="1"/>
      </xdr:nvSpPr>
      <xdr:spPr>
        <a:xfrm>
          <a:off x="5364041" y="58242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xdr:cNvSpPr txBox="1"/>
      </xdr:nvSpPr>
      <xdr:spPr>
        <a:xfrm>
          <a:off x="5364041" y="54508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2" name="テキスト ボックス 111"/>
        <xdr:cNvSpPr txBox="1"/>
      </xdr:nvSpPr>
      <xdr:spPr>
        <a:xfrm>
          <a:off x="529992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20815</xdr:rowOff>
    </xdr:from>
    <xdr:to>
      <xdr:col>54</xdr:col>
      <xdr:colOff>189865</xdr:colOff>
      <xdr:row>41</xdr:row>
      <xdr:rowOff>158191</xdr:rowOff>
    </xdr:to>
    <xdr:cxnSp macro="">
      <xdr:nvCxnSpPr>
        <xdr:cNvPr id="114" name="直線コネクタ 113"/>
        <xdr:cNvCxnSpPr/>
      </xdr:nvCxnSpPr>
      <xdr:spPr>
        <a:xfrm flipV="1">
          <a:off x="9219565" y="5485295"/>
          <a:ext cx="0" cy="15461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2018</xdr:rowOff>
    </xdr:from>
    <xdr:ext cx="469744" cy="259045"/>
    <xdr:sp macro="" textlink="">
      <xdr:nvSpPr>
        <xdr:cNvPr id="115" name="【道路】&#10;一人当たり延長最小値テキスト"/>
        <xdr:cNvSpPr txBox="1"/>
      </xdr:nvSpPr>
      <xdr:spPr>
        <a:xfrm>
          <a:off x="9258300" y="7035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58191</xdr:rowOff>
    </xdr:from>
    <xdr:to>
      <xdr:col>55</xdr:col>
      <xdr:colOff>88900</xdr:colOff>
      <xdr:row>41</xdr:row>
      <xdr:rowOff>158191</xdr:rowOff>
    </xdr:to>
    <xdr:cxnSp macro="">
      <xdr:nvCxnSpPr>
        <xdr:cNvPr id="116" name="直線コネクタ 115"/>
        <xdr:cNvCxnSpPr/>
      </xdr:nvCxnSpPr>
      <xdr:spPr>
        <a:xfrm>
          <a:off x="9154160" y="703143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7492</xdr:rowOff>
    </xdr:from>
    <xdr:ext cx="534377" cy="259045"/>
    <xdr:sp macro="" textlink="">
      <xdr:nvSpPr>
        <xdr:cNvPr id="117" name="【道路】&#10;一人当たり延長最大値テキスト"/>
        <xdr:cNvSpPr txBox="1"/>
      </xdr:nvSpPr>
      <xdr:spPr>
        <a:xfrm>
          <a:off x="9258300" y="5264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20815</xdr:rowOff>
    </xdr:from>
    <xdr:to>
      <xdr:col>55</xdr:col>
      <xdr:colOff>88900</xdr:colOff>
      <xdr:row>32</xdr:row>
      <xdr:rowOff>120815</xdr:rowOff>
    </xdr:to>
    <xdr:cxnSp macro="">
      <xdr:nvCxnSpPr>
        <xdr:cNvPr id="118" name="直線コネクタ 117"/>
        <xdr:cNvCxnSpPr/>
      </xdr:nvCxnSpPr>
      <xdr:spPr>
        <a:xfrm>
          <a:off x="9154160" y="54852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2493</xdr:rowOff>
    </xdr:from>
    <xdr:ext cx="534377" cy="259045"/>
    <xdr:sp macro="" textlink="">
      <xdr:nvSpPr>
        <xdr:cNvPr id="119" name="【道路】&#10;一人当たり延長平均値テキスト"/>
        <xdr:cNvSpPr txBox="1"/>
      </xdr:nvSpPr>
      <xdr:spPr>
        <a:xfrm>
          <a:off x="9258300" y="66404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79616</xdr:rowOff>
    </xdr:from>
    <xdr:to>
      <xdr:col>55</xdr:col>
      <xdr:colOff>50800</xdr:colOff>
      <xdr:row>41</xdr:row>
      <xdr:rowOff>9766</xdr:rowOff>
    </xdr:to>
    <xdr:sp macro="" textlink="">
      <xdr:nvSpPr>
        <xdr:cNvPr id="120" name="フローチャート: 判断 119"/>
        <xdr:cNvSpPr/>
      </xdr:nvSpPr>
      <xdr:spPr>
        <a:xfrm>
          <a:off x="9192260" y="678521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71158</xdr:rowOff>
    </xdr:from>
    <xdr:to>
      <xdr:col>50</xdr:col>
      <xdr:colOff>165100</xdr:colOff>
      <xdr:row>41</xdr:row>
      <xdr:rowOff>1308</xdr:rowOff>
    </xdr:to>
    <xdr:sp macro="" textlink="">
      <xdr:nvSpPr>
        <xdr:cNvPr id="121" name="フローチャート: 判断 120"/>
        <xdr:cNvSpPr/>
      </xdr:nvSpPr>
      <xdr:spPr>
        <a:xfrm>
          <a:off x="8445500" y="67767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71348</xdr:rowOff>
    </xdr:from>
    <xdr:to>
      <xdr:col>46</xdr:col>
      <xdr:colOff>38100</xdr:colOff>
      <xdr:row>41</xdr:row>
      <xdr:rowOff>1498</xdr:rowOff>
    </xdr:to>
    <xdr:sp macro="" textlink="">
      <xdr:nvSpPr>
        <xdr:cNvPr id="122" name="フローチャート: 判断 121"/>
        <xdr:cNvSpPr/>
      </xdr:nvSpPr>
      <xdr:spPr>
        <a:xfrm>
          <a:off x="7670800" y="677694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1400</xdr:rowOff>
    </xdr:from>
    <xdr:to>
      <xdr:col>41</xdr:col>
      <xdr:colOff>101600</xdr:colOff>
      <xdr:row>40</xdr:row>
      <xdr:rowOff>133000</xdr:rowOff>
    </xdr:to>
    <xdr:sp macro="" textlink="">
      <xdr:nvSpPr>
        <xdr:cNvPr id="123" name="フローチャート: 判断 122"/>
        <xdr:cNvSpPr/>
      </xdr:nvSpPr>
      <xdr:spPr>
        <a:xfrm>
          <a:off x="6873240" y="673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64700</xdr:rowOff>
    </xdr:from>
    <xdr:to>
      <xdr:col>36</xdr:col>
      <xdr:colOff>165100</xdr:colOff>
      <xdr:row>40</xdr:row>
      <xdr:rowOff>166300</xdr:rowOff>
    </xdr:to>
    <xdr:sp macro="" textlink="">
      <xdr:nvSpPr>
        <xdr:cNvPr id="124" name="フローチャート: 判断 123"/>
        <xdr:cNvSpPr/>
      </xdr:nvSpPr>
      <xdr:spPr>
        <a:xfrm>
          <a:off x="6098540" y="677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8569</xdr:rowOff>
    </xdr:from>
    <xdr:to>
      <xdr:col>55</xdr:col>
      <xdr:colOff>50800</xdr:colOff>
      <xdr:row>42</xdr:row>
      <xdr:rowOff>8719</xdr:rowOff>
    </xdr:to>
    <xdr:sp macro="" textlink="">
      <xdr:nvSpPr>
        <xdr:cNvPr id="130" name="楕円 129"/>
        <xdr:cNvSpPr/>
      </xdr:nvSpPr>
      <xdr:spPr>
        <a:xfrm>
          <a:off x="9192260" y="695180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4946</xdr:rowOff>
    </xdr:from>
    <xdr:ext cx="469744" cy="259045"/>
    <xdr:sp macro="" textlink="">
      <xdr:nvSpPr>
        <xdr:cNvPr id="131" name="【道路】&#10;一人当たり延長該当値テキスト"/>
        <xdr:cNvSpPr txBox="1"/>
      </xdr:nvSpPr>
      <xdr:spPr>
        <a:xfrm>
          <a:off x="9258300" y="6870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9025</xdr:rowOff>
    </xdr:from>
    <xdr:to>
      <xdr:col>50</xdr:col>
      <xdr:colOff>165100</xdr:colOff>
      <xdr:row>42</xdr:row>
      <xdr:rowOff>9175</xdr:rowOff>
    </xdr:to>
    <xdr:sp macro="" textlink="">
      <xdr:nvSpPr>
        <xdr:cNvPr id="132" name="楕円 131"/>
        <xdr:cNvSpPr/>
      </xdr:nvSpPr>
      <xdr:spPr>
        <a:xfrm>
          <a:off x="8445500" y="695226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29369</xdr:rowOff>
    </xdr:from>
    <xdr:to>
      <xdr:col>55</xdr:col>
      <xdr:colOff>0</xdr:colOff>
      <xdr:row>41</xdr:row>
      <xdr:rowOff>129825</xdr:rowOff>
    </xdr:to>
    <xdr:cxnSp macro="">
      <xdr:nvCxnSpPr>
        <xdr:cNvPr id="133" name="直線コネクタ 132"/>
        <xdr:cNvCxnSpPr/>
      </xdr:nvCxnSpPr>
      <xdr:spPr>
        <a:xfrm flipV="1">
          <a:off x="8496300" y="7002609"/>
          <a:ext cx="723900" cy="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9064</xdr:rowOff>
    </xdr:from>
    <xdr:to>
      <xdr:col>46</xdr:col>
      <xdr:colOff>38100</xdr:colOff>
      <xdr:row>42</xdr:row>
      <xdr:rowOff>9214</xdr:rowOff>
    </xdr:to>
    <xdr:sp macro="" textlink="">
      <xdr:nvSpPr>
        <xdr:cNvPr id="134" name="楕円 133"/>
        <xdr:cNvSpPr/>
      </xdr:nvSpPr>
      <xdr:spPr>
        <a:xfrm>
          <a:off x="7670800" y="69523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29825</xdr:rowOff>
    </xdr:from>
    <xdr:to>
      <xdr:col>50</xdr:col>
      <xdr:colOff>114300</xdr:colOff>
      <xdr:row>41</xdr:row>
      <xdr:rowOff>129864</xdr:rowOff>
    </xdr:to>
    <xdr:cxnSp macro="">
      <xdr:nvCxnSpPr>
        <xdr:cNvPr id="135" name="直線コネクタ 134"/>
        <xdr:cNvCxnSpPr/>
      </xdr:nvCxnSpPr>
      <xdr:spPr>
        <a:xfrm flipV="1">
          <a:off x="7713980" y="7003065"/>
          <a:ext cx="782320" cy="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9025</xdr:rowOff>
    </xdr:from>
    <xdr:to>
      <xdr:col>41</xdr:col>
      <xdr:colOff>101600</xdr:colOff>
      <xdr:row>42</xdr:row>
      <xdr:rowOff>9175</xdr:rowOff>
    </xdr:to>
    <xdr:sp macro="" textlink="">
      <xdr:nvSpPr>
        <xdr:cNvPr id="136" name="楕円 135"/>
        <xdr:cNvSpPr/>
      </xdr:nvSpPr>
      <xdr:spPr>
        <a:xfrm>
          <a:off x="6873240" y="695226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29825</xdr:rowOff>
    </xdr:from>
    <xdr:to>
      <xdr:col>45</xdr:col>
      <xdr:colOff>177800</xdr:colOff>
      <xdr:row>41</xdr:row>
      <xdr:rowOff>129864</xdr:rowOff>
    </xdr:to>
    <xdr:cxnSp macro="">
      <xdr:nvCxnSpPr>
        <xdr:cNvPr id="137" name="直線コネクタ 136"/>
        <xdr:cNvCxnSpPr/>
      </xdr:nvCxnSpPr>
      <xdr:spPr>
        <a:xfrm>
          <a:off x="6924040" y="7003065"/>
          <a:ext cx="789940" cy="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9121</xdr:rowOff>
    </xdr:from>
    <xdr:to>
      <xdr:col>36</xdr:col>
      <xdr:colOff>165100</xdr:colOff>
      <xdr:row>42</xdr:row>
      <xdr:rowOff>9271</xdr:rowOff>
    </xdr:to>
    <xdr:sp macro="" textlink="">
      <xdr:nvSpPr>
        <xdr:cNvPr id="138" name="楕円 137"/>
        <xdr:cNvSpPr/>
      </xdr:nvSpPr>
      <xdr:spPr>
        <a:xfrm>
          <a:off x="6098540" y="695236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29825</xdr:rowOff>
    </xdr:from>
    <xdr:to>
      <xdr:col>41</xdr:col>
      <xdr:colOff>50800</xdr:colOff>
      <xdr:row>41</xdr:row>
      <xdr:rowOff>129921</xdr:rowOff>
    </xdr:to>
    <xdr:cxnSp macro="">
      <xdr:nvCxnSpPr>
        <xdr:cNvPr id="139" name="直線コネクタ 138"/>
        <xdr:cNvCxnSpPr/>
      </xdr:nvCxnSpPr>
      <xdr:spPr>
        <a:xfrm flipV="1">
          <a:off x="6149340" y="7003065"/>
          <a:ext cx="774700" cy="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7835</xdr:rowOff>
    </xdr:from>
    <xdr:ext cx="534377" cy="259045"/>
    <xdr:sp macro="" textlink="">
      <xdr:nvSpPr>
        <xdr:cNvPr id="140" name="n_1aveValue【道路】&#10;一人当たり延長"/>
        <xdr:cNvSpPr txBox="1"/>
      </xdr:nvSpPr>
      <xdr:spPr>
        <a:xfrm>
          <a:off x="8239271" y="6555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8025</xdr:rowOff>
    </xdr:from>
    <xdr:ext cx="534377" cy="259045"/>
    <xdr:sp macro="" textlink="">
      <xdr:nvSpPr>
        <xdr:cNvPr id="141" name="n_2aveValue【道路】&#10;一人当たり延長"/>
        <xdr:cNvSpPr txBox="1"/>
      </xdr:nvSpPr>
      <xdr:spPr>
        <a:xfrm>
          <a:off x="7477271" y="6555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149527</xdr:rowOff>
    </xdr:from>
    <xdr:ext cx="534377" cy="259045"/>
    <xdr:sp macro="" textlink="">
      <xdr:nvSpPr>
        <xdr:cNvPr id="142" name="n_3aveValue【道路】&#10;一人当たり延長"/>
        <xdr:cNvSpPr txBox="1"/>
      </xdr:nvSpPr>
      <xdr:spPr>
        <a:xfrm>
          <a:off x="6702571" y="6519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11377</xdr:rowOff>
    </xdr:from>
    <xdr:ext cx="534377" cy="259045"/>
    <xdr:sp macro="" textlink="">
      <xdr:nvSpPr>
        <xdr:cNvPr id="143" name="n_4aveValue【道路】&#10;一人当たり延長"/>
        <xdr:cNvSpPr txBox="1"/>
      </xdr:nvSpPr>
      <xdr:spPr>
        <a:xfrm>
          <a:off x="5905011" y="6549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302</xdr:rowOff>
    </xdr:from>
    <xdr:ext cx="469744" cy="259045"/>
    <xdr:sp macro="" textlink="">
      <xdr:nvSpPr>
        <xdr:cNvPr id="144" name="n_1mainValue【道路】&#10;一人当たり延長"/>
        <xdr:cNvSpPr txBox="1"/>
      </xdr:nvSpPr>
      <xdr:spPr>
        <a:xfrm>
          <a:off x="8271587" y="7041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341</xdr:rowOff>
    </xdr:from>
    <xdr:ext cx="469744" cy="259045"/>
    <xdr:sp macro="" textlink="">
      <xdr:nvSpPr>
        <xdr:cNvPr id="145" name="n_2mainValue【道路】&#10;一人当たり延長"/>
        <xdr:cNvSpPr txBox="1"/>
      </xdr:nvSpPr>
      <xdr:spPr>
        <a:xfrm>
          <a:off x="7509587" y="7041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302</xdr:rowOff>
    </xdr:from>
    <xdr:ext cx="469744" cy="259045"/>
    <xdr:sp macro="" textlink="">
      <xdr:nvSpPr>
        <xdr:cNvPr id="146" name="n_3mainValue【道路】&#10;一人当たり延長"/>
        <xdr:cNvSpPr txBox="1"/>
      </xdr:nvSpPr>
      <xdr:spPr>
        <a:xfrm>
          <a:off x="6712027" y="7041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398</xdr:rowOff>
    </xdr:from>
    <xdr:ext cx="469744" cy="259045"/>
    <xdr:sp macro="" textlink="">
      <xdr:nvSpPr>
        <xdr:cNvPr id="147" name="n_4mainValue【道路】&#10;一人当たり延長"/>
        <xdr:cNvSpPr txBox="1"/>
      </xdr:nvSpPr>
      <xdr:spPr>
        <a:xfrm>
          <a:off x="5937327" y="7041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xdr:cNvCxnSpPr/>
      </xdr:nvCxnSpPr>
      <xdr:spPr>
        <a:xfrm>
          <a:off x="67056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xdr:cNvSpPr txBox="1"/>
      </xdr:nvSpPr>
      <xdr:spPr>
        <a:xfrm>
          <a:off x="27196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xdr:cNvCxnSpPr/>
      </xdr:nvCxnSpPr>
      <xdr:spPr>
        <a:xfrm>
          <a:off x="67056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xdr:cNvSpPr txBox="1"/>
      </xdr:nvSpPr>
      <xdr:spPr>
        <a:xfrm>
          <a:off x="33608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xdr:cNvCxnSpPr/>
      </xdr:nvCxnSpPr>
      <xdr:spPr>
        <a:xfrm>
          <a:off x="67056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xdr:cNvSpPr txBox="1"/>
      </xdr:nvSpPr>
      <xdr:spPr>
        <a:xfrm>
          <a:off x="33608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xdr:cNvCxnSpPr/>
      </xdr:nvCxnSpPr>
      <xdr:spPr>
        <a:xfrm>
          <a:off x="67056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xdr:cNvSpPr txBox="1"/>
      </xdr:nvSpPr>
      <xdr:spPr>
        <a:xfrm>
          <a:off x="33608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xdr:cNvCxnSpPr/>
      </xdr:nvCxnSpPr>
      <xdr:spPr>
        <a:xfrm>
          <a:off x="67056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xdr:cNvSpPr txBox="1"/>
      </xdr:nvSpPr>
      <xdr:spPr>
        <a:xfrm>
          <a:off x="33608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xdr:cNvSpPr txBox="1"/>
      </xdr:nvSpPr>
      <xdr:spPr>
        <a:xfrm>
          <a:off x="37734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9060</xdr:rowOff>
    </xdr:from>
    <xdr:to>
      <xdr:col>24</xdr:col>
      <xdr:colOff>62865</xdr:colOff>
      <xdr:row>63</xdr:row>
      <xdr:rowOff>9525</xdr:rowOff>
    </xdr:to>
    <xdr:cxnSp macro="">
      <xdr:nvCxnSpPr>
        <xdr:cNvPr id="172" name="直線コネクタ 171"/>
        <xdr:cNvCxnSpPr/>
      </xdr:nvCxnSpPr>
      <xdr:spPr>
        <a:xfrm flipV="1">
          <a:off x="4086225" y="9486900"/>
          <a:ext cx="0" cy="10839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352</xdr:rowOff>
    </xdr:from>
    <xdr:ext cx="405111" cy="259045"/>
    <xdr:sp macro="" textlink="">
      <xdr:nvSpPr>
        <xdr:cNvPr id="173" name="【橋りょう・トンネル】&#10;有形固定資産減価償却率最小値テキスト"/>
        <xdr:cNvSpPr txBox="1"/>
      </xdr:nvSpPr>
      <xdr:spPr>
        <a:xfrm>
          <a:off x="4124960" y="1057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9525</xdr:rowOff>
    </xdr:from>
    <xdr:to>
      <xdr:col>24</xdr:col>
      <xdr:colOff>152400</xdr:colOff>
      <xdr:row>63</xdr:row>
      <xdr:rowOff>9525</xdr:rowOff>
    </xdr:to>
    <xdr:cxnSp macro="">
      <xdr:nvCxnSpPr>
        <xdr:cNvPr id="174" name="直線コネクタ 173"/>
        <xdr:cNvCxnSpPr/>
      </xdr:nvCxnSpPr>
      <xdr:spPr>
        <a:xfrm>
          <a:off x="4020820" y="105708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5737</xdr:rowOff>
    </xdr:from>
    <xdr:ext cx="405111" cy="259045"/>
    <xdr:sp macro="" textlink="">
      <xdr:nvSpPr>
        <xdr:cNvPr id="175" name="【橋りょう・トンネル】&#10;有形固定資産減価償却率最大値テキスト"/>
        <xdr:cNvSpPr txBox="1"/>
      </xdr:nvSpPr>
      <xdr:spPr>
        <a:xfrm>
          <a:off x="4124960" y="9265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9060</xdr:rowOff>
    </xdr:from>
    <xdr:to>
      <xdr:col>24</xdr:col>
      <xdr:colOff>152400</xdr:colOff>
      <xdr:row>56</xdr:row>
      <xdr:rowOff>99060</xdr:rowOff>
    </xdr:to>
    <xdr:cxnSp macro="">
      <xdr:nvCxnSpPr>
        <xdr:cNvPr id="176" name="直線コネクタ 175"/>
        <xdr:cNvCxnSpPr/>
      </xdr:nvCxnSpPr>
      <xdr:spPr>
        <a:xfrm>
          <a:off x="4020820" y="94869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39717</xdr:rowOff>
    </xdr:from>
    <xdr:ext cx="405111" cy="259045"/>
    <xdr:sp macro="" textlink="">
      <xdr:nvSpPr>
        <xdr:cNvPr id="177" name="【橋りょう・トンネル】&#10;有形固定資産減価償却率平均値テキスト"/>
        <xdr:cNvSpPr txBox="1"/>
      </xdr:nvSpPr>
      <xdr:spPr>
        <a:xfrm>
          <a:off x="4124960" y="98628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6840</xdr:rowOff>
    </xdr:from>
    <xdr:to>
      <xdr:col>24</xdr:col>
      <xdr:colOff>114300</xdr:colOff>
      <xdr:row>60</xdr:row>
      <xdr:rowOff>46990</xdr:rowOff>
    </xdr:to>
    <xdr:sp macro="" textlink="">
      <xdr:nvSpPr>
        <xdr:cNvPr id="178" name="フローチャート: 判断 177"/>
        <xdr:cNvSpPr/>
      </xdr:nvSpPr>
      <xdr:spPr>
        <a:xfrm>
          <a:off x="4036060" y="100076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30175</xdr:rowOff>
    </xdr:from>
    <xdr:to>
      <xdr:col>20</xdr:col>
      <xdr:colOff>38100</xdr:colOff>
      <xdr:row>60</xdr:row>
      <xdr:rowOff>60325</xdr:rowOff>
    </xdr:to>
    <xdr:sp macro="" textlink="">
      <xdr:nvSpPr>
        <xdr:cNvPr id="179" name="フローチャート: 判断 178"/>
        <xdr:cNvSpPr/>
      </xdr:nvSpPr>
      <xdr:spPr>
        <a:xfrm>
          <a:off x="3312160" y="1002093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03505</xdr:rowOff>
    </xdr:from>
    <xdr:to>
      <xdr:col>15</xdr:col>
      <xdr:colOff>101600</xdr:colOff>
      <xdr:row>60</xdr:row>
      <xdr:rowOff>33655</xdr:rowOff>
    </xdr:to>
    <xdr:sp macro="" textlink="">
      <xdr:nvSpPr>
        <xdr:cNvPr id="180" name="フローチャート: 判断 179"/>
        <xdr:cNvSpPr/>
      </xdr:nvSpPr>
      <xdr:spPr>
        <a:xfrm>
          <a:off x="2514600" y="99942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65405</xdr:rowOff>
    </xdr:from>
    <xdr:to>
      <xdr:col>10</xdr:col>
      <xdr:colOff>165100</xdr:colOff>
      <xdr:row>59</xdr:row>
      <xdr:rowOff>167005</xdr:rowOff>
    </xdr:to>
    <xdr:sp macro="" textlink="">
      <xdr:nvSpPr>
        <xdr:cNvPr id="181" name="フローチャート: 判断 180"/>
        <xdr:cNvSpPr/>
      </xdr:nvSpPr>
      <xdr:spPr>
        <a:xfrm>
          <a:off x="1739900" y="9956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38735</xdr:rowOff>
    </xdr:from>
    <xdr:to>
      <xdr:col>6</xdr:col>
      <xdr:colOff>38100</xdr:colOff>
      <xdr:row>59</xdr:row>
      <xdr:rowOff>140335</xdr:rowOff>
    </xdr:to>
    <xdr:sp macro="" textlink="">
      <xdr:nvSpPr>
        <xdr:cNvPr id="182" name="フローチャート: 判断 181"/>
        <xdr:cNvSpPr/>
      </xdr:nvSpPr>
      <xdr:spPr>
        <a:xfrm>
          <a:off x="965200" y="992949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445</xdr:rowOff>
    </xdr:from>
    <xdr:to>
      <xdr:col>24</xdr:col>
      <xdr:colOff>114300</xdr:colOff>
      <xdr:row>60</xdr:row>
      <xdr:rowOff>106045</xdr:rowOff>
    </xdr:to>
    <xdr:sp macro="" textlink="">
      <xdr:nvSpPr>
        <xdr:cNvPr id="188" name="楕円 187"/>
        <xdr:cNvSpPr/>
      </xdr:nvSpPr>
      <xdr:spPr>
        <a:xfrm>
          <a:off x="4036060" y="1006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54322</xdr:rowOff>
    </xdr:from>
    <xdr:ext cx="405111" cy="259045"/>
    <xdr:sp macro="" textlink="">
      <xdr:nvSpPr>
        <xdr:cNvPr id="189" name="【橋りょう・トンネル】&#10;有形固定資産減価償却率該当値テキスト"/>
        <xdr:cNvSpPr txBox="1"/>
      </xdr:nvSpPr>
      <xdr:spPr>
        <a:xfrm>
          <a:off x="4124960" y="10045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31115</xdr:rowOff>
    </xdr:from>
    <xdr:to>
      <xdr:col>20</xdr:col>
      <xdr:colOff>38100</xdr:colOff>
      <xdr:row>60</xdr:row>
      <xdr:rowOff>132715</xdr:rowOff>
    </xdr:to>
    <xdr:sp macro="" textlink="">
      <xdr:nvSpPr>
        <xdr:cNvPr id="190" name="楕円 189"/>
        <xdr:cNvSpPr/>
      </xdr:nvSpPr>
      <xdr:spPr>
        <a:xfrm>
          <a:off x="3312160" y="1008951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55245</xdr:rowOff>
    </xdr:from>
    <xdr:to>
      <xdr:col>24</xdr:col>
      <xdr:colOff>63500</xdr:colOff>
      <xdr:row>60</xdr:row>
      <xdr:rowOff>81915</xdr:rowOff>
    </xdr:to>
    <xdr:cxnSp macro="">
      <xdr:nvCxnSpPr>
        <xdr:cNvPr id="191" name="直線コネクタ 190"/>
        <xdr:cNvCxnSpPr/>
      </xdr:nvCxnSpPr>
      <xdr:spPr>
        <a:xfrm flipV="1">
          <a:off x="3355340" y="10113645"/>
          <a:ext cx="73152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70180</xdr:rowOff>
    </xdr:from>
    <xdr:to>
      <xdr:col>15</xdr:col>
      <xdr:colOff>101600</xdr:colOff>
      <xdr:row>60</xdr:row>
      <xdr:rowOff>100330</xdr:rowOff>
    </xdr:to>
    <xdr:sp macro="" textlink="">
      <xdr:nvSpPr>
        <xdr:cNvPr id="192" name="楕円 191"/>
        <xdr:cNvSpPr/>
      </xdr:nvSpPr>
      <xdr:spPr>
        <a:xfrm>
          <a:off x="2514600" y="100609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49530</xdr:rowOff>
    </xdr:from>
    <xdr:to>
      <xdr:col>19</xdr:col>
      <xdr:colOff>177800</xdr:colOff>
      <xdr:row>60</xdr:row>
      <xdr:rowOff>81915</xdr:rowOff>
    </xdr:to>
    <xdr:cxnSp macro="">
      <xdr:nvCxnSpPr>
        <xdr:cNvPr id="193" name="直線コネクタ 192"/>
        <xdr:cNvCxnSpPr/>
      </xdr:nvCxnSpPr>
      <xdr:spPr>
        <a:xfrm>
          <a:off x="2565400" y="10107930"/>
          <a:ext cx="78994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37795</xdr:rowOff>
    </xdr:from>
    <xdr:to>
      <xdr:col>10</xdr:col>
      <xdr:colOff>165100</xdr:colOff>
      <xdr:row>60</xdr:row>
      <xdr:rowOff>67945</xdr:rowOff>
    </xdr:to>
    <xdr:sp macro="" textlink="">
      <xdr:nvSpPr>
        <xdr:cNvPr id="194" name="楕円 193"/>
        <xdr:cNvSpPr/>
      </xdr:nvSpPr>
      <xdr:spPr>
        <a:xfrm>
          <a:off x="1739900" y="100285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7145</xdr:rowOff>
    </xdr:from>
    <xdr:to>
      <xdr:col>15</xdr:col>
      <xdr:colOff>50800</xdr:colOff>
      <xdr:row>60</xdr:row>
      <xdr:rowOff>49530</xdr:rowOff>
    </xdr:to>
    <xdr:cxnSp macro="">
      <xdr:nvCxnSpPr>
        <xdr:cNvPr id="195" name="直線コネクタ 194"/>
        <xdr:cNvCxnSpPr/>
      </xdr:nvCxnSpPr>
      <xdr:spPr>
        <a:xfrm>
          <a:off x="1790700" y="10075545"/>
          <a:ext cx="7747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05410</xdr:rowOff>
    </xdr:from>
    <xdr:to>
      <xdr:col>6</xdr:col>
      <xdr:colOff>38100</xdr:colOff>
      <xdr:row>60</xdr:row>
      <xdr:rowOff>35560</xdr:rowOff>
    </xdr:to>
    <xdr:sp macro="" textlink="">
      <xdr:nvSpPr>
        <xdr:cNvPr id="196" name="楕円 195"/>
        <xdr:cNvSpPr/>
      </xdr:nvSpPr>
      <xdr:spPr>
        <a:xfrm>
          <a:off x="965200" y="99961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56210</xdr:rowOff>
    </xdr:from>
    <xdr:to>
      <xdr:col>10</xdr:col>
      <xdr:colOff>114300</xdr:colOff>
      <xdr:row>60</xdr:row>
      <xdr:rowOff>17145</xdr:rowOff>
    </xdr:to>
    <xdr:cxnSp macro="">
      <xdr:nvCxnSpPr>
        <xdr:cNvPr id="197" name="直線コネクタ 196"/>
        <xdr:cNvCxnSpPr/>
      </xdr:nvCxnSpPr>
      <xdr:spPr>
        <a:xfrm>
          <a:off x="1008380" y="10046970"/>
          <a:ext cx="78232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76852</xdr:rowOff>
    </xdr:from>
    <xdr:ext cx="405111" cy="259045"/>
    <xdr:sp macro="" textlink="">
      <xdr:nvSpPr>
        <xdr:cNvPr id="198" name="n_1aveValue【橋りょう・トンネル】&#10;有形固定資産減価償却率"/>
        <xdr:cNvSpPr txBox="1"/>
      </xdr:nvSpPr>
      <xdr:spPr>
        <a:xfrm>
          <a:off x="3170564" y="9799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50182</xdr:rowOff>
    </xdr:from>
    <xdr:ext cx="405111" cy="259045"/>
    <xdr:sp macro="" textlink="">
      <xdr:nvSpPr>
        <xdr:cNvPr id="199" name="n_2aveValue【橋りょう・トンネル】&#10;有形固定資産減価償却率"/>
        <xdr:cNvSpPr txBox="1"/>
      </xdr:nvSpPr>
      <xdr:spPr>
        <a:xfrm>
          <a:off x="2385704" y="977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2082</xdr:rowOff>
    </xdr:from>
    <xdr:ext cx="405111" cy="259045"/>
    <xdr:sp macro="" textlink="">
      <xdr:nvSpPr>
        <xdr:cNvPr id="200" name="n_3aveValue【橋りょう・トンネル】&#10;有形固定資産減価償却率"/>
        <xdr:cNvSpPr txBox="1"/>
      </xdr:nvSpPr>
      <xdr:spPr>
        <a:xfrm>
          <a:off x="1611004" y="973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56862</xdr:rowOff>
    </xdr:from>
    <xdr:ext cx="405111" cy="259045"/>
    <xdr:sp macro="" textlink="">
      <xdr:nvSpPr>
        <xdr:cNvPr id="201" name="n_4aveValue【橋りょう・トンネル】&#10;有形固定資産減価償却率"/>
        <xdr:cNvSpPr txBox="1"/>
      </xdr:nvSpPr>
      <xdr:spPr>
        <a:xfrm>
          <a:off x="836304" y="9712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23842</xdr:rowOff>
    </xdr:from>
    <xdr:ext cx="405111" cy="259045"/>
    <xdr:sp macro="" textlink="">
      <xdr:nvSpPr>
        <xdr:cNvPr id="202" name="n_1mainValue【橋りょう・トンネル】&#10;有形固定資産減価償却率"/>
        <xdr:cNvSpPr txBox="1"/>
      </xdr:nvSpPr>
      <xdr:spPr>
        <a:xfrm>
          <a:off x="3170564" y="1018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1457</xdr:rowOff>
    </xdr:from>
    <xdr:ext cx="405111" cy="259045"/>
    <xdr:sp macro="" textlink="">
      <xdr:nvSpPr>
        <xdr:cNvPr id="203" name="n_2mainValue【橋りょう・トンネル】&#10;有形固定資産減価償却率"/>
        <xdr:cNvSpPr txBox="1"/>
      </xdr:nvSpPr>
      <xdr:spPr>
        <a:xfrm>
          <a:off x="2385704" y="10149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59072</xdr:rowOff>
    </xdr:from>
    <xdr:ext cx="405111" cy="259045"/>
    <xdr:sp macro="" textlink="">
      <xdr:nvSpPr>
        <xdr:cNvPr id="204" name="n_3mainValue【橋りょう・トンネル】&#10;有形固定資産減価償却率"/>
        <xdr:cNvSpPr txBox="1"/>
      </xdr:nvSpPr>
      <xdr:spPr>
        <a:xfrm>
          <a:off x="1611004" y="10117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26687</xdr:rowOff>
    </xdr:from>
    <xdr:ext cx="405111" cy="259045"/>
    <xdr:sp macro="" textlink="">
      <xdr:nvSpPr>
        <xdr:cNvPr id="205" name="n_4mainValue【橋りょう・トンネル】&#10;有形固定資産減価償却率"/>
        <xdr:cNvSpPr txBox="1"/>
      </xdr:nvSpPr>
      <xdr:spPr>
        <a:xfrm>
          <a:off x="836304" y="10085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xdr:cNvCxnSpPr/>
      </xdr:nvCxnSpPr>
      <xdr:spPr>
        <a:xfrm>
          <a:off x="5826760" y="107289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7" name="テキスト ボックス 216"/>
        <xdr:cNvSpPr txBox="1"/>
      </xdr:nvSpPr>
      <xdr:spPr>
        <a:xfrm>
          <a:off x="5600834" y="105905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xdr:cNvCxnSpPr/>
      </xdr:nvCxnSpPr>
      <xdr:spPr>
        <a:xfrm>
          <a:off x="5826760" y="102831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9" name="テキスト ボックス 218"/>
        <xdr:cNvSpPr txBox="1"/>
      </xdr:nvSpPr>
      <xdr:spPr>
        <a:xfrm>
          <a:off x="529992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xdr:cNvCxnSpPr/>
      </xdr:nvCxnSpPr>
      <xdr:spPr>
        <a:xfrm>
          <a:off x="5826760" y="98374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1" name="テキスト ボックス 220"/>
        <xdr:cNvSpPr txBox="1"/>
      </xdr:nvSpPr>
      <xdr:spPr>
        <a:xfrm>
          <a:off x="5299921" y="969900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xdr:cNvCxnSpPr/>
      </xdr:nvCxnSpPr>
      <xdr:spPr>
        <a:xfrm>
          <a:off x="5826760" y="93878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3" name="テキスト ボックス 222"/>
        <xdr:cNvSpPr txBox="1"/>
      </xdr:nvSpPr>
      <xdr:spPr>
        <a:xfrm>
          <a:off x="5299921" y="92494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5" name="テキスト ボックス 224"/>
        <xdr:cNvSpPr txBox="1"/>
      </xdr:nvSpPr>
      <xdr:spPr>
        <a:xfrm>
          <a:off x="5299921" y="88036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59850</xdr:rowOff>
    </xdr:from>
    <xdr:to>
      <xdr:col>54</xdr:col>
      <xdr:colOff>189865</xdr:colOff>
      <xdr:row>63</xdr:row>
      <xdr:rowOff>154954</xdr:rowOff>
    </xdr:to>
    <xdr:cxnSp macro="">
      <xdr:nvCxnSpPr>
        <xdr:cNvPr id="227" name="直線コネクタ 226"/>
        <xdr:cNvCxnSpPr/>
      </xdr:nvCxnSpPr>
      <xdr:spPr>
        <a:xfrm flipV="1">
          <a:off x="9219565" y="9447690"/>
          <a:ext cx="0" cy="12685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8781</xdr:rowOff>
    </xdr:from>
    <xdr:ext cx="469744" cy="259045"/>
    <xdr:sp macro="" textlink="">
      <xdr:nvSpPr>
        <xdr:cNvPr id="228" name="【橋りょう・トンネル】&#10;一人当たり有形固定資産（償却資産）額最小値テキスト"/>
        <xdr:cNvSpPr txBox="1"/>
      </xdr:nvSpPr>
      <xdr:spPr>
        <a:xfrm>
          <a:off x="9258300" y="10720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4954</xdr:rowOff>
    </xdr:from>
    <xdr:to>
      <xdr:col>55</xdr:col>
      <xdr:colOff>88900</xdr:colOff>
      <xdr:row>63</xdr:row>
      <xdr:rowOff>154954</xdr:rowOff>
    </xdr:to>
    <xdr:cxnSp macro="">
      <xdr:nvCxnSpPr>
        <xdr:cNvPr id="229" name="直線コネクタ 228"/>
        <xdr:cNvCxnSpPr/>
      </xdr:nvCxnSpPr>
      <xdr:spPr>
        <a:xfrm>
          <a:off x="9154160" y="107162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6527</xdr:rowOff>
    </xdr:from>
    <xdr:ext cx="599010" cy="259045"/>
    <xdr:sp macro="" textlink="">
      <xdr:nvSpPr>
        <xdr:cNvPr id="230" name="【橋りょう・トンネル】&#10;一人当たり有形固定資産（償却資産）額最大値テキスト"/>
        <xdr:cNvSpPr txBox="1"/>
      </xdr:nvSpPr>
      <xdr:spPr>
        <a:xfrm>
          <a:off x="9258300" y="9226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3,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59850</xdr:rowOff>
    </xdr:from>
    <xdr:to>
      <xdr:col>55</xdr:col>
      <xdr:colOff>88900</xdr:colOff>
      <xdr:row>56</xdr:row>
      <xdr:rowOff>59850</xdr:rowOff>
    </xdr:to>
    <xdr:cxnSp macro="">
      <xdr:nvCxnSpPr>
        <xdr:cNvPr id="231" name="直線コネクタ 230"/>
        <xdr:cNvCxnSpPr/>
      </xdr:nvCxnSpPr>
      <xdr:spPr>
        <a:xfrm>
          <a:off x="9154160" y="94476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24769</xdr:rowOff>
    </xdr:from>
    <xdr:ext cx="599010" cy="259045"/>
    <xdr:sp macro="" textlink="">
      <xdr:nvSpPr>
        <xdr:cNvPr id="232" name="【橋りょう・トンネル】&#10;一人当たり有形固定資産（償却資産）額平均値テキスト"/>
        <xdr:cNvSpPr txBox="1"/>
      </xdr:nvSpPr>
      <xdr:spPr>
        <a:xfrm>
          <a:off x="9258300" y="1008316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892</xdr:rowOff>
    </xdr:from>
    <xdr:to>
      <xdr:col>55</xdr:col>
      <xdr:colOff>50800</xdr:colOff>
      <xdr:row>61</xdr:row>
      <xdr:rowOff>103492</xdr:rowOff>
    </xdr:to>
    <xdr:sp macro="" textlink="">
      <xdr:nvSpPr>
        <xdr:cNvPr id="233" name="フローチャート: 判断 232"/>
        <xdr:cNvSpPr/>
      </xdr:nvSpPr>
      <xdr:spPr>
        <a:xfrm>
          <a:off x="9192260" y="1022793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4032</xdr:rowOff>
    </xdr:from>
    <xdr:to>
      <xdr:col>50</xdr:col>
      <xdr:colOff>165100</xdr:colOff>
      <xdr:row>61</xdr:row>
      <xdr:rowOff>105632</xdr:rowOff>
    </xdr:to>
    <xdr:sp macro="" textlink="">
      <xdr:nvSpPr>
        <xdr:cNvPr id="234" name="フローチャート: 判断 233"/>
        <xdr:cNvSpPr/>
      </xdr:nvSpPr>
      <xdr:spPr>
        <a:xfrm>
          <a:off x="8445500" y="10230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574</xdr:rowOff>
    </xdr:from>
    <xdr:to>
      <xdr:col>46</xdr:col>
      <xdr:colOff>38100</xdr:colOff>
      <xdr:row>61</xdr:row>
      <xdr:rowOff>103174</xdr:rowOff>
    </xdr:to>
    <xdr:sp macro="" textlink="">
      <xdr:nvSpPr>
        <xdr:cNvPr id="235" name="フローチャート: 判断 234"/>
        <xdr:cNvSpPr/>
      </xdr:nvSpPr>
      <xdr:spPr>
        <a:xfrm>
          <a:off x="7670800" y="1022761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7206</xdr:rowOff>
    </xdr:from>
    <xdr:to>
      <xdr:col>41</xdr:col>
      <xdr:colOff>101600</xdr:colOff>
      <xdr:row>61</xdr:row>
      <xdr:rowOff>118806</xdr:rowOff>
    </xdr:to>
    <xdr:sp macro="" textlink="">
      <xdr:nvSpPr>
        <xdr:cNvPr id="236" name="フローチャート: 判断 235"/>
        <xdr:cNvSpPr/>
      </xdr:nvSpPr>
      <xdr:spPr>
        <a:xfrm>
          <a:off x="6873240" y="10243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36333</xdr:rowOff>
    </xdr:from>
    <xdr:to>
      <xdr:col>36</xdr:col>
      <xdr:colOff>165100</xdr:colOff>
      <xdr:row>61</xdr:row>
      <xdr:rowOff>137933</xdr:rowOff>
    </xdr:to>
    <xdr:sp macro="" textlink="">
      <xdr:nvSpPr>
        <xdr:cNvPr id="237" name="フローチャート: 判断 236"/>
        <xdr:cNvSpPr/>
      </xdr:nvSpPr>
      <xdr:spPr>
        <a:xfrm>
          <a:off x="6098540" y="10262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06225</xdr:rowOff>
    </xdr:from>
    <xdr:to>
      <xdr:col>55</xdr:col>
      <xdr:colOff>50800</xdr:colOff>
      <xdr:row>63</xdr:row>
      <xdr:rowOff>36375</xdr:rowOff>
    </xdr:to>
    <xdr:sp macro="" textlink="">
      <xdr:nvSpPr>
        <xdr:cNvPr id="243" name="楕円 242"/>
        <xdr:cNvSpPr/>
      </xdr:nvSpPr>
      <xdr:spPr>
        <a:xfrm>
          <a:off x="9192260" y="1049990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84652</xdr:rowOff>
    </xdr:from>
    <xdr:ext cx="534377" cy="259045"/>
    <xdr:sp macro="" textlink="">
      <xdr:nvSpPr>
        <xdr:cNvPr id="244" name="【橋りょう・トンネル】&#10;一人当たり有形固定資産（償却資産）額該当値テキスト"/>
        <xdr:cNvSpPr txBox="1"/>
      </xdr:nvSpPr>
      <xdr:spPr>
        <a:xfrm>
          <a:off x="9258300" y="10478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16439</xdr:rowOff>
    </xdr:from>
    <xdr:to>
      <xdr:col>50</xdr:col>
      <xdr:colOff>165100</xdr:colOff>
      <xdr:row>63</xdr:row>
      <xdr:rowOff>46589</xdr:rowOff>
    </xdr:to>
    <xdr:sp macro="" textlink="">
      <xdr:nvSpPr>
        <xdr:cNvPr id="245" name="楕円 244"/>
        <xdr:cNvSpPr/>
      </xdr:nvSpPr>
      <xdr:spPr>
        <a:xfrm>
          <a:off x="8445500" y="105101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57025</xdr:rowOff>
    </xdr:from>
    <xdr:to>
      <xdr:col>55</xdr:col>
      <xdr:colOff>0</xdr:colOff>
      <xdr:row>62</xdr:row>
      <xdr:rowOff>167239</xdr:rowOff>
    </xdr:to>
    <xdr:cxnSp macro="">
      <xdr:nvCxnSpPr>
        <xdr:cNvPr id="246" name="直線コネクタ 245"/>
        <xdr:cNvCxnSpPr/>
      </xdr:nvCxnSpPr>
      <xdr:spPr>
        <a:xfrm flipV="1">
          <a:off x="8496300" y="10550705"/>
          <a:ext cx="723900" cy="10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16074</xdr:rowOff>
    </xdr:from>
    <xdr:to>
      <xdr:col>46</xdr:col>
      <xdr:colOff>38100</xdr:colOff>
      <xdr:row>63</xdr:row>
      <xdr:rowOff>46224</xdr:rowOff>
    </xdr:to>
    <xdr:sp macro="" textlink="">
      <xdr:nvSpPr>
        <xdr:cNvPr id="247" name="楕円 246"/>
        <xdr:cNvSpPr/>
      </xdr:nvSpPr>
      <xdr:spPr>
        <a:xfrm>
          <a:off x="7670800" y="1050975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66874</xdr:rowOff>
    </xdr:from>
    <xdr:to>
      <xdr:col>50</xdr:col>
      <xdr:colOff>114300</xdr:colOff>
      <xdr:row>62</xdr:row>
      <xdr:rowOff>167239</xdr:rowOff>
    </xdr:to>
    <xdr:cxnSp macro="">
      <xdr:nvCxnSpPr>
        <xdr:cNvPr id="248" name="直線コネクタ 247"/>
        <xdr:cNvCxnSpPr/>
      </xdr:nvCxnSpPr>
      <xdr:spPr>
        <a:xfrm>
          <a:off x="7713980" y="10560554"/>
          <a:ext cx="782320" cy="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15956</xdr:rowOff>
    </xdr:from>
    <xdr:to>
      <xdr:col>41</xdr:col>
      <xdr:colOff>101600</xdr:colOff>
      <xdr:row>63</xdr:row>
      <xdr:rowOff>46106</xdr:rowOff>
    </xdr:to>
    <xdr:sp macro="" textlink="">
      <xdr:nvSpPr>
        <xdr:cNvPr id="249" name="楕円 248"/>
        <xdr:cNvSpPr/>
      </xdr:nvSpPr>
      <xdr:spPr>
        <a:xfrm>
          <a:off x="6873240" y="105096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66756</xdr:rowOff>
    </xdr:from>
    <xdr:to>
      <xdr:col>45</xdr:col>
      <xdr:colOff>177800</xdr:colOff>
      <xdr:row>62</xdr:row>
      <xdr:rowOff>166874</xdr:rowOff>
    </xdr:to>
    <xdr:cxnSp macro="">
      <xdr:nvCxnSpPr>
        <xdr:cNvPr id="250" name="直線コネクタ 249"/>
        <xdr:cNvCxnSpPr/>
      </xdr:nvCxnSpPr>
      <xdr:spPr>
        <a:xfrm>
          <a:off x="6924040" y="10560436"/>
          <a:ext cx="789940" cy="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16197</xdr:rowOff>
    </xdr:from>
    <xdr:to>
      <xdr:col>36</xdr:col>
      <xdr:colOff>165100</xdr:colOff>
      <xdr:row>63</xdr:row>
      <xdr:rowOff>46347</xdr:rowOff>
    </xdr:to>
    <xdr:sp macro="" textlink="">
      <xdr:nvSpPr>
        <xdr:cNvPr id="251" name="楕円 250"/>
        <xdr:cNvSpPr/>
      </xdr:nvSpPr>
      <xdr:spPr>
        <a:xfrm>
          <a:off x="6098540" y="105098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66756</xdr:rowOff>
    </xdr:from>
    <xdr:to>
      <xdr:col>41</xdr:col>
      <xdr:colOff>50800</xdr:colOff>
      <xdr:row>62</xdr:row>
      <xdr:rowOff>166997</xdr:rowOff>
    </xdr:to>
    <xdr:cxnSp macro="">
      <xdr:nvCxnSpPr>
        <xdr:cNvPr id="252" name="直線コネクタ 251"/>
        <xdr:cNvCxnSpPr/>
      </xdr:nvCxnSpPr>
      <xdr:spPr>
        <a:xfrm flipV="1">
          <a:off x="6149340" y="10560436"/>
          <a:ext cx="774700" cy="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59</xdr:row>
      <xdr:rowOff>122159</xdr:rowOff>
    </xdr:from>
    <xdr:ext cx="599010" cy="259045"/>
    <xdr:sp macro="" textlink="">
      <xdr:nvSpPr>
        <xdr:cNvPr id="253" name="n_1aveValue【橋りょう・トンネル】&#10;一人当たり有形固定資産（償却資産）額"/>
        <xdr:cNvSpPr txBox="1"/>
      </xdr:nvSpPr>
      <xdr:spPr>
        <a:xfrm>
          <a:off x="8214575" y="100129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119701</xdr:rowOff>
    </xdr:from>
    <xdr:ext cx="599010" cy="259045"/>
    <xdr:sp macro="" textlink="">
      <xdr:nvSpPr>
        <xdr:cNvPr id="254" name="n_2aveValue【橋りょう・トンネル】&#10;一人当たり有形固定資産（償却資産）額"/>
        <xdr:cNvSpPr txBox="1"/>
      </xdr:nvSpPr>
      <xdr:spPr>
        <a:xfrm>
          <a:off x="7444955" y="100104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9</xdr:row>
      <xdr:rowOff>135333</xdr:rowOff>
    </xdr:from>
    <xdr:ext cx="599010" cy="259045"/>
    <xdr:sp macro="" textlink="">
      <xdr:nvSpPr>
        <xdr:cNvPr id="255" name="n_3aveValue【橋りょう・トンネル】&#10;一人当たり有形固定資産（償却資産）額"/>
        <xdr:cNvSpPr txBox="1"/>
      </xdr:nvSpPr>
      <xdr:spPr>
        <a:xfrm>
          <a:off x="6670255" y="100260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59</xdr:row>
      <xdr:rowOff>154460</xdr:rowOff>
    </xdr:from>
    <xdr:ext cx="599010" cy="259045"/>
    <xdr:sp macro="" textlink="">
      <xdr:nvSpPr>
        <xdr:cNvPr id="256" name="n_4aveValue【橋りょう・トンネル】&#10;一人当たり有形固定資産（償却資産）額"/>
        <xdr:cNvSpPr txBox="1"/>
      </xdr:nvSpPr>
      <xdr:spPr>
        <a:xfrm>
          <a:off x="5872695" y="100452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37716</xdr:rowOff>
    </xdr:from>
    <xdr:ext cx="534377" cy="259045"/>
    <xdr:sp macro="" textlink="">
      <xdr:nvSpPr>
        <xdr:cNvPr id="257" name="n_1mainValue【橋りょう・トンネル】&#10;一人当たり有形固定資産（償却資産）額"/>
        <xdr:cNvSpPr txBox="1"/>
      </xdr:nvSpPr>
      <xdr:spPr>
        <a:xfrm>
          <a:off x="8239271" y="10599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37351</xdr:rowOff>
    </xdr:from>
    <xdr:ext cx="534377" cy="259045"/>
    <xdr:sp macro="" textlink="">
      <xdr:nvSpPr>
        <xdr:cNvPr id="258" name="n_2mainValue【橋りょう・トンネル】&#10;一人当たり有形固定資産（償却資産）額"/>
        <xdr:cNvSpPr txBox="1"/>
      </xdr:nvSpPr>
      <xdr:spPr>
        <a:xfrm>
          <a:off x="7477271" y="10598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37233</xdr:rowOff>
    </xdr:from>
    <xdr:ext cx="534377" cy="259045"/>
    <xdr:sp macro="" textlink="">
      <xdr:nvSpPr>
        <xdr:cNvPr id="259" name="n_3mainValue【橋りょう・トンネル】&#10;一人当たり有形固定資産（償却資産）額"/>
        <xdr:cNvSpPr txBox="1"/>
      </xdr:nvSpPr>
      <xdr:spPr>
        <a:xfrm>
          <a:off x="6702571" y="10598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37474</xdr:rowOff>
    </xdr:from>
    <xdr:ext cx="534377" cy="259045"/>
    <xdr:sp macro="" textlink="">
      <xdr:nvSpPr>
        <xdr:cNvPr id="260" name="n_4mainValue【橋りょう・トンネル】&#10;一人当たり有形固定資産（償却資産）額"/>
        <xdr:cNvSpPr txBox="1"/>
      </xdr:nvSpPr>
      <xdr:spPr>
        <a:xfrm>
          <a:off x="5905011" y="10598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xdr:cNvSpPr txBox="1"/>
      </xdr:nvSpPr>
      <xdr:spPr>
        <a:xfrm>
          <a:off x="27196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2" name="直線コネクタ 271"/>
        <xdr:cNvCxnSpPr/>
      </xdr:nvCxnSpPr>
      <xdr:spPr>
        <a:xfrm>
          <a:off x="670560" y="1458576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3" name="テキスト ボックス 272"/>
        <xdr:cNvSpPr txBox="1"/>
      </xdr:nvSpPr>
      <xdr:spPr>
        <a:xfrm>
          <a:off x="27196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4" name="直線コネクタ 273"/>
        <xdr:cNvCxnSpPr/>
      </xdr:nvCxnSpPr>
      <xdr:spPr>
        <a:xfrm>
          <a:off x="670560" y="1426300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5" name="テキスト ボックス 274"/>
        <xdr:cNvSpPr txBox="1"/>
      </xdr:nvSpPr>
      <xdr:spPr>
        <a:xfrm>
          <a:off x="33608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6" name="直線コネクタ 275"/>
        <xdr:cNvCxnSpPr/>
      </xdr:nvCxnSpPr>
      <xdr:spPr>
        <a:xfrm>
          <a:off x="670560" y="1394405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7" name="テキスト ボックス 276"/>
        <xdr:cNvSpPr txBox="1"/>
      </xdr:nvSpPr>
      <xdr:spPr>
        <a:xfrm>
          <a:off x="33608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8" name="直線コネクタ 277"/>
        <xdr:cNvCxnSpPr/>
      </xdr:nvCxnSpPr>
      <xdr:spPr>
        <a:xfrm>
          <a:off x="670560" y="1362510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79" name="テキスト ボックス 278"/>
        <xdr:cNvSpPr txBox="1"/>
      </xdr:nvSpPr>
      <xdr:spPr>
        <a:xfrm>
          <a:off x="33608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0" name="直線コネクタ 279"/>
        <xdr:cNvCxnSpPr/>
      </xdr:nvCxnSpPr>
      <xdr:spPr>
        <a:xfrm>
          <a:off x="670560" y="1330615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1" name="テキスト ボックス 280"/>
        <xdr:cNvSpPr txBox="1"/>
      </xdr:nvSpPr>
      <xdr:spPr>
        <a:xfrm>
          <a:off x="33608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2" name="直線コネクタ 281"/>
        <xdr:cNvCxnSpPr/>
      </xdr:nvCxnSpPr>
      <xdr:spPr>
        <a:xfrm>
          <a:off x="670560" y="1298720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3" name="テキスト ボックス 282"/>
        <xdr:cNvSpPr txBox="1"/>
      </xdr:nvSpPr>
      <xdr:spPr>
        <a:xfrm>
          <a:off x="37734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4" name="直線コネクタ 283"/>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09945</xdr:rowOff>
    </xdr:from>
    <xdr:to>
      <xdr:col>24</xdr:col>
      <xdr:colOff>62865</xdr:colOff>
      <xdr:row>86</xdr:row>
      <xdr:rowOff>168729</xdr:rowOff>
    </xdr:to>
    <xdr:cxnSp macro="">
      <xdr:nvCxnSpPr>
        <xdr:cNvPr id="286" name="直線コネクタ 285"/>
        <xdr:cNvCxnSpPr/>
      </xdr:nvCxnSpPr>
      <xdr:spPr>
        <a:xfrm flipV="1">
          <a:off x="4086225" y="13018225"/>
          <a:ext cx="0" cy="15675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7" name="【公営住宅】&#10;有形固定資産減価償却率最小値テキスト"/>
        <xdr:cNvSpPr txBox="1"/>
      </xdr:nvSpPr>
      <xdr:spPr>
        <a:xfrm>
          <a:off x="412496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88" name="直線コネクタ 287"/>
        <xdr:cNvCxnSpPr/>
      </xdr:nvCxnSpPr>
      <xdr:spPr>
        <a:xfrm>
          <a:off x="402082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56622</xdr:rowOff>
    </xdr:from>
    <xdr:ext cx="340478" cy="259045"/>
    <xdr:sp macro="" textlink="">
      <xdr:nvSpPr>
        <xdr:cNvPr id="289" name="【公営住宅】&#10;有形固定資産減価償却率最大値テキスト"/>
        <xdr:cNvSpPr txBox="1"/>
      </xdr:nvSpPr>
      <xdr:spPr>
        <a:xfrm>
          <a:off x="4124960" y="1279726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09945</xdr:rowOff>
    </xdr:from>
    <xdr:to>
      <xdr:col>24</xdr:col>
      <xdr:colOff>152400</xdr:colOff>
      <xdr:row>77</xdr:row>
      <xdr:rowOff>109945</xdr:rowOff>
    </xdr:to>
    <xdr:cxnSp macro="">
      <xdr:nvCxnSpPr>
        <xdr:cNvPr id="290" name="直線コネクタ 289"/>
        <xdr:cNvCxnSpPr/>
      </xdr:nvCxnSpPr>
      <xdr:spPr>
        <a:xfrm>
          <a:off x="4020820" y="130182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117583</xdr:rowOff>
    </xdr:from>
    <xdr:ext cx="405111" cy="259045"/>
    <xdr:sp macro="" textlink="">
      <xdr:nvSpPr>
        <xdr:cNvPr id="291" name="【公営住宅】&#10;有形固定資産減価償却率平均値テキスト"/>
        <xdr:cNvSpPr txBox="1"/>
      </xdr:nvSpPr>
      <xdr:spPr>
        <a:xfrm>
          <a:off x="4124960" y="140317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39156</xdr:rowOff>
    </xdr:from>
    <xdr:to>
      <xdr:col>24</xdr:col>
      <xdr:colOff>114300</xdr:colOff>
      <xdr:row>84</xdr:row>
      <xdr:rowOff>69306</xdr:rowOff>
    </xdr:to>
    <xdr:sp macro="" textlink="">
      <xdr:nvSpPr>
        <xdr:cNvPr id="292" name="フローチャート: 判断 291"/>
        <xdr:cNvSpPr/>
      </xdr:nvSpPr>
      <xdr:spPr>
        <a:xfrm>
          <a:off x="4036060" y="1405327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121194</xdr:rowOff>
    </xdr:from>
    <xdr:to>
      <xdr:col>20</xdr:col>
      <xdr:colOff>38100</xdr:colOff>
      <xdr:row>84</xdr:row>
      <xdr:rowOff>51344</xdr:rowOff>
    </xdr:to>
    <xdr:sp macro="" textlink="">
      <xdr:nvSpPr>
        <xdr:cNvPr id="293" name="フローチャート: 判断 292"/>
        <xdr:cNvSpPr/>
      </xdr:nvSpPr>
      <xdr:spPr>
        <a:xfrm>
          <a:off x="3312160" y="1403531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82006</xdr:rowOff>
    </xdr:from>
    <xdr:to>
      <xdr:col>15</xdr:col>
      <xdr:colOff>101600</xdr:colOff>
      <xdr:row>84</xdr:row>
      <xdr:rowOff>12156</xdr:rowOff>
    </xdr:to>
    <xdr:sp macro="" textlink="">
      <xdr:nvSpPr>
        <xdr:cNvPr id="294" name="フローチャート: 判断 293"/>
        <xdr:cNvSpPr/>
      </xdr:nvSpPr>
      <xdr:spPr>
        <a:xfrm>
          <a:off x="2514600" y="139961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49349</xdr:rowOff>
    </xdr:from>
    <xdr:to>
      <xdr:col>10</xdr:col>
      <xdr:colOff>165100</xdr:colOff>
      <xdr:row>83</xdr:row>
      <xdr:rowOff>150949</xdr:rowOff>
    </xdr:to>
    <xdr:sp macro="" textlink="">
      <xdr:nvSpPr>
        <xdr:cNvPr id="295" name="フローチャート: 判断 294"/>
        <xdr:cNvSpPr/>
      </xdr:nvSpPr>
      <xdr:spPr>
        <a:xfrm>
          <a:off x="1739900" y="13963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42818</xdr:rowOff>
    </xdr:from>
    <xdr:to>
      <xdr:col>6</xdr:col>
      <xdr:colOff>38100</xdr:colOff>
      <xdr:row>83</xdr:row>
      <xdr:rowOff>144418</xdr:rowOff>
    </xdr:to>
    <xdr:sp macro="" textlink="">
      <xdr:nvSpPr>
        <xdr:cNvPr id="296" name="フローチャート: 判断 295"/>
        <xdr:cNvSpPr/>
      </xdr:nvSpPr>
      <xdr:spPr>
        <a:xfrm>
          <a:off x="965200" y="1395693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7311</xdr:rowOff>
    </xdr:from>
    <xdr:to>
      <xdr:col>24</xdr:col>
      <xdr:colOff>114300</xdr:colOff>
      <xdr:row>82</xdr:row>
      <xdr:rowOff>168911</xdr:rowOff>
    </xdr:to>
    <xdr:sp macro="" textlink="">
      <xdr:nvSpPr>
        <xdr:cNvPr id="302" name="楕円 301"/>
        <xdr:cNvSpPr/>
      </xdr:nvSpPr>
      <xdr:spPr>
        <a:xfrm>
          <a:off x="4036060" y="13813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90188</xdr:rowOff>
    </xdr:from>
    <xdr:ext cx="405111" cy="259045"/>
    <xdr:sp macro="" textlink="">
      <xdr:nvSpPr>
        <xdr:cNvPr id="303" name="【公営住宅】&#10;有形固定資産減価償却率該当値テキスト"/>
        <xdr:cNvSpPr txBox="1"/>
      </xdr:nvSpPr>
      <xdr:spPr>
        <a:xfrm>
          <a:off x="4124960" y="136690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31387</xdr:rowOff>
    </xdr:from>
    <xdr:to>
      <xdr:col>20</xdr:col>
      <xdr:colOff>38100</xdr:colOff>
      <xdr:row>82</xdr:row>
      <xdr:rowOff>132987</xdr:rowOff>
    </xdr:to>
    <xdr:sp macro="" textlink="">
      <xdr:nvSpPr>
        <xdr:cNvPr id="304" name="楕円 303"/>
        <xdr:cNvSpPr/>
      </xdr:nvSpPr>
      <xdr:spPr>
        <a:xfrm>
          <a:off x="3312160" y="1377786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82187</xdr:rowOff>
    </xdr:from>
    <xdr:to>
      <xdr:col>24</xdr:col>
      <xdr:colOff>63500</xdr:colOff>
      <xdr:row>82</xdr:row>
      <xdr:rowOff>118111</xdr:rowOff>
    </xdr:to>
    <xdr:cxnSp macro="">
      <xdr:nvCxnSpPr>
        <xdr:cNvPr id="305" name="直線コネクタ 304"/>
        <xdr:cNvCxnSpPr/>
      </xdr:nvCxnSpPr>
      <xdr:spPr>
        <a:xfrm>
          <a:off x="3355340" y="13828667"/>
          <a:ext cx="73152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66914</xdr:rowOff>
    </xdr:from>
    <xdr:to>
      <xdr:col>15</xdr:col>
      <xdr:colOff>101600</xdr:colOff>
      <xdr:row>82</xdr:row>
      <xdr:rowOff>97064</xdr:rowOff>
    </xdr:to>
    <xdr:sp macro="" textlink="">
      <xdr:nvSpPr>
        <xdr:cNvPr id="306" name="楕円 305"/>
        <xdr:cNvSpPr/>
      </xdr:nvSpPr>
      <xdr:spPr>
        <a:xfrm>
          <a:off x="2514600" y="1374575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46264</xdr:rowOff>
    </xdr:from>
    <xdr:to>
      <xdr:col>19</xdr:col>
      <xdr:colOff>177800</xdr:colOff>
      <xdr:row>82</xdr:row>
      <xdr:rowOff>82187</xdr:rowOff>
    </xdr:to>
    <xdr:cxnSp macro="">
      <xdr:nvCxnSpPr>
        <xdr:cNvPr id="307" name="直線コネクタ 306"/>
        <xdr:cNvCxnSpPr/>
      </xdr:nvCxnSpPr>
      <xdr:spPr>
        <a:xfrm>
          <a:off x="2565400" y="13792744"/>
          <a:ext cx="78994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29358</xdr:rowOff>
    </xdr:from>
    <xdr:to>
      <xdr:col>10</xdr:col>
      <xdr:colOff>165100</xdr:colOff>
      <xdr:row>82</xdr:row>
      <xdr:rowOff>59508</xdr:rowOff>
    </xdr:to>
    <xdr:sp macro="" textlink="">
      <xdr:nvSpPr>
        <xdr:cNvPr id="308" name="楕円 307"/>
        <xdr:cNvSpPr/>
      </xdr:nvSpPr>
      <xdr:spPr>
        <a:xfrm>
          <a:off x="1739900" y="1370819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8708</xdr:rowOff>
    </xdr:from>
    <xdr:to>
      <xdr:col>15</xdr:col>
      <xdr:colOff>50800</xdr:colOff>
      <xdr:row>82</xdr:row>
      <xdr:rowOff>46264</xdr:rowOff>
    </xdr:to>
    <xdr:cxnSp macro="">
      <xdr:nvCxnSpPr>
        <xdr:cNvPr id="309" name="直線コネクタ 308"/>
        <xdr:cNvCxnSpPr/>
      </xdr:nvCxnSpPr>
      <xdr:spPr>
        <a:xfrm>
          <a:off x="1790700" y="13755188"/>
          <a:ext cx="7747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93436</xdr:rowOff>
    </xdr:from>
    <xdr:to>
      <xdr:col>6</xdr:col>
      <xdr:colOff>38100</xdr:colOff>
      <xdr:row>82</xdr:row>
      <xdr:rowOff>23586</xdr:rowOff>
    </xdr:to>
    <xdr:sp macro="" textlink="">
      <xdr:nvSpPr>
        <xdr:cNvPr id="310" name="楕円 309"/>
        <xdr:cNvSpPr/>
      </xdr:nvSpPr>
      <xdr:spPr>
        <a:xfrm>
          <a:off x="965200" y="1367227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44236</xdr:rowOff>
    </xdr:from>
    <xdr:to>
      <xdr:col>10</xdr:col>
      <xdr:colOff>114300</xdr:colOff>
      <xdr:row>82</xdr:row>
      <xdr:rowOff>8708</xdr:rowOff>
    </xdr:to>
    <xdr:cxnSp macro="">
      <xdr:nvCxnSpPr>
        <xdr:cNvPr id="311" name="直線コネクタ 310"/>
        <xdr:cNvCxnSpPr/>
      </xdr:nvCxnSpPr>
      <xdr:spPr>
        <a:xfrm>
          <a:off x="1008380" y="13723076"/>
          <a:ext cx="782320" cy="32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4</xdr:row>
      <xdr:rowOff>42471</xdr:rowOff>
    </xdr:from>
    <xdr:ext cx="405111" cy="259045"/>
    <xdr:sp macro="" textlink="">
      <xdr:nvSpPr>
        <xdr:cNvPr id="312" name="n_1aveValue【公営住宅】&#10;有形固定資産減価償却率"/>
        <xdr:cNvSpPr txBox="1"/>
      </xdr:nvSpPr>
      <xdr:spPr>
        <a:xfrm>
          <a:off x="3170564" y="141242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3283</xdr:rowOff>
    </xdr:from>
    <xdr:ext cx="405111" cy="259045"/>
    <xdr:sp macro="" textlink="">
      <xdr:nvSpPr>
        <xdr:cNvPr id="313" name="n_2aveValue【公営住宅】&#10;有形固定資産減価償却率"/>
        <xdr:cNvSpPr txBox="1"/>
      </xdr:nvSpPr>
      <xdr:spPr>
        <a:xfrm>
          <a:off x="2385704" y="140850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42076</xdr:rowOff>
    </xdr:from>
    <xdr:ext cx="405111" cy="259045"/>
    <xdr:sp macro="" textlink="">
      <xdr:nvSpPr>
        <xdr:cNvPr id="314" name="n_3aveValue【公営住宅】&#10;有形固定資産減価償却率"/>
        <xdr:cNvSpPr txBox="1"/>
      </xdr:nvSpPr>
      <xdr:spPr>
        <a:xfrm>
          <a:off x="1611004" y="14056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35545</xdr:rowOff>
    </xdr:from>
    <xdr:ext cx="405111" cy="259045"/>
    <xdr:sp macro="" textlink="">
      <xdr:nvSpPr>
        <xdr:cNvPr id="315" name="n_4aveValue【公営住宅】&#10;有形固定資産減価償却率"/>
        <xdr:cNvSpPr txBox="1"/>
      </xdr:nvSpPr>
      <xdr:spPr>
        <a:xfrm>
          <a:off x="836304" y="14049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49514</xdr:rowOff>
    </xdr:from>
    <xdr:ext cx="405111" cy="259045"/>
    <xdr:sp macro="" textlink="">
      <xdr:nvSpPr>
        <xdr:cNvPr id="316" name="n_1mainValue【公営住宅】&#10;有形固定資産減価償却率"/>
        <xdr:cNvSpPr txBox="1"/>
      </xdr:nvSpPr>
      <xdr:spPr>
        <a:xfrm>
          <a:off x="3170564" y="135607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13591</xdr:rowOff>
    </xdr:from>
    <xdr:ext cx="405111" cy="259045"/>
    <xdr:sp macro="" textlink="">
      <xdr:nvSpPr>
        <xdr:cNvPr id="317" name="n_2mainValue【公営住宅】&#10;有形固定資産減価償却率"/>
        <xdr:cNvSpPr txBox="1"/>
      </xdr:nvSpPr>
      <xdr:spPr>
        <a:xfrm>
          <a:off x="2385704" y="13524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76035</xdr:rowOff>
    </xdr:from>
    <xdr:ext cx="405111" cy="259045"/>
    <xdr:sp macro="" textlink="">
      <xdr:nvSpPr>
        <xdr:cNvPr id="318" name="n_3mainValue【公営住宅】&#10;有形固定資産減価償却率"/>
        <xdr:cNvSpPr txBox="1"/>
      </xdr:nvSpPr>
      <xdr:spPr>
        <a:xfrm>
          <a:off x="1611004" y="13487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40113</xdr:rowOff>
    </xdr:from>
    <xdr:ext cx="405111" cy="259045"/>
    <xdr:sp macro="" textlink="">
      <xdr:nvSpPr>
        <xdr:cNvPr id="319" name="n_4mainValue【公営住宅】&#10;有形固定資産減価償却率"/>
        <xdr:cNvSpPr txBox="1"/>
      </xdr:nvSpPr>
      <xdr:spPr>
        <a:xfrm>
          <a:off x="836304" y="13451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0" name="直線コネクタ 329"/>
        <xdr:cNvCxnSpPr/>
      </xdr:nvCxnSpPr>
      <xdr:spPr>
        <a:xfrm>
          <a:off x="5826760" y="14455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1" name="テキスト ボックス 330"/>
        <xdr:cNvSpPr txBox="1"/>
      </xdr:nvSpPr>
      <xdr:spPr>
        <a:xfrm>
          <a:off x="540530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2" name="直線コネクタ 331"/>
        <xdr:cNvCxnSpPr/>
      </xdr:nvCxnSpPr>
      <xdr:spPr>
        <a:xfrm>
          <a:off x="5826760" y="140093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3" name="テキスト ボックス 332"/>
        <xdr:cNvSpPr txBox="1"/>
      </xdr:nvSpPr>
      <xdr:spPr>
        <a:xfrm>
          <a:off x="540530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4" name="直線コネクタ 333"/>
        <xdr:cNvCxnSpPr/>
      </xdr:nvCxnSpPr>
      <xdr:spPr>
        <a:xfrm>
          <a:off x="5826760" y="13563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5" name="テキスト ボックス 334"/>
        <xdr:cNvSpPr txBox="1"/>
      </xdr:nvSpPr>
      <xdr:spPr>
        <a:xfrm>
          <a:off x="540530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6" name="直線コネクタ 335"/>
        <xdr:cNvCxnSpPr/>
      </xdr:nvCxnSpPr>
      <xdr:spPr>
        <a:xfrm>
          <a:off x="5826760" y="131140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7" name="テキスト ボックス 336"/>
        <xdr:cNvSpPr txBox="1"/>
      </xdr:nvSpPr>
      <xdr:spPr>
        <a:xfrm>
          <a:off x="540530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8" name="直線コネクタ 337"/>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9" name="テキスト ボックス 338"/>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0" name="【公営住宅】&#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39015</xdr:rowOff>
    </xdr:from>
    <xdr:to>
      <xdr:col>54</xdr:col>
      <xdr:colOff>189865</xdr:colOff>
      <xdr:row>86</xdr:row>
      <xdr:rowOff>34900</xdr:rowOff>
    </xdr:to>
    <xdr:cxnSp macro="">
      <xdr:nvCxnSpPr>
        <xdr:cNvPr id="341" name="直線コネクタ 340"/>
        <xdr:cNvCxnSpPr/>
      </xdr:nvCxnSpPr>
      <xdr:spPr>
        <a:xfrm flipV="1">
          <a:off x="9219565" y="13114935"/>
          <a:ext cx="0" cy="1337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727</xdr:rowOff>
    </xdr:from>
    <xdr:ext cx="469744" cy="259045"/>
    <xdr:sp macro="" textlink="">
      <xdr:nvSpPr>
        <xdr:cNvPr id="342" name="【公営住宅】&#10;一人当たり面積最小値テキスト"/>
        <xdr:cNvSpPr txBox="1"/>
      </xdr:nvSpPr>
      <xdr:spPr>
        <a:xfrm>
          <a:off x="9258300" y="1445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4900</xdr:rowOff>
    </xdr:from>
    <xdr:to>
      <xdr:col>55</xdr:col>
      <xdr:colOff>88900</xdr:colOff>
      <xdr:row>86</xdr:row>
      <xdr:rowOff>34900</xdr:rowOff>
    </xdr:to>
    <xdr:cxnSp macro="">
      <xdr:nvCxnSpPr>
        <xdr:cNvPr id="343" name="直線コネクタ 342"/>
        <xdr:cNvCxnSpPr/>
      </xdr:nvCxnSpPr>
      <xdr:spPr>
        <a:xfrm>
          <a:off x="9154160" y="144519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57142</xdr:rowOff>
    </xdr:from>
    <xdr:ext cx="469744" cy="259045"/>
    <xdr:sp macro="" textlink="">
      <xdr:nvSpPr>
        <xdr:cNvPr id="344" name="【公営住宅】&#10;一人当たり面積最大値テキスト"/>
        <xdr:cNvSpPr txBox="1"/>
      </xdr:nvSpPr>
      <xdr:spPr>
        <a:xfrm>
          <a:off x="9258300" y="12897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39015</xdr:rowOff>
    </xdr:from>
    <xdr:to>
      <xdr:col>55</xdr:col>
      <xdr:colOff>88900</xdr:colOff>
      <xdr:row>78</xdr:row>
      <xdr:rowOff>39015</xdr:rowOff>
    </xdr:to>
    <xdr:cxnSp macro="">
      <xdr:nvCxnSpPr>
        <xdr:cNvPr id="345" name="直線コネクタ 344"/>
        <xdr:cNvCxnSpPr/>
      </xdr:nvCxnSpPr>
      <xdr:spPr>
        <a:xfrm>
          <a:off x="9154160" y="1311493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17161</xdr:rowOff>
    </xdr:from>
    <xdr:ext cx="469744" cy="259045"/>
    <xdr:sp macro="" textlink="">
      <xdr:nvSpPr>
        <xdr:cNvPr id="346" name="【公営住宅】&#10;一人当たり面積平均値テキスト"/>
        <xdr:cNvSpPr txBox="1"/>
      </xdr:nvSpPr>
      <xdr:spPr>
        <a:xfrm>
          <a:off x="9258300" y="140312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94284</xdr:rowOff>
    </xdr:from>
    <xdr:to>
      <xdr:col>55</xdr:col>
      <xdr:colOff>50800</xdr:colOff>
      <xdr:row>85</xdr:row>
      <xdr:rowOff>24434</xdr:rowOff>
    </xdr:to>
    <xdr:sp macro="" textlink="">
      <xdr:nvSpPr>
        <xdr:cNvPr id="347" name="フローチャート: 判断 346"/>
        <xdr:cNvSpPr/>
      </xdr:nvSpPr>
      <xdr:spPr>
        <a:xfrm>
          <a:off x="9192260" y="1417604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86970</xdr:rowOff>
    </xdr:from>
    <xdr:to>
      <xdr:col>50</xdr:col>
      <xdr:colOff>165100</xdr:colOff>
      <xdr:row>85</xdr:row>
      <xdr:rowOff>17120</xdr:rowOff>
    </xdr:to>
    <xdr:sp macro="" textlink="">
      <xdr:nvSpPr>
        <xdr:cNvPr id="348" name="フローチャート: 判断 347"/>
        <xdr:cNvSpPr/>
      </xdr:nvSpPr>
      <xdr:spPr>
        <a:xfrm>
          <a:off x="8445500" y="141687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86513</xdr:rowOff>
    </xdr:from>
    <xdr:to>
      <xdr:col>46</xdr:col>
      <xdr:colOff>38100</xdr:colOff>
      <xdr:row>85</xdr:row>
      <xdr:rowOff>16663</xdr:rowOff>
    </xdr:to>
    <xdr:sp macro="" textlink="">
      <xdr:nvSpPr>
        <xdr:cNvPr id="349" name="フローチャート: 判断 348"/>
        <xdr:cNvSpPr/>
      </xdr:nvSpPr>
      <xdr:spPr>
        <a:xfrm>
          <a:off x="7670800" y="1416827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86055</xdr:rowOff>
    </xdr:from>
    <xdr:to>
      <xdr:col>41</xdr:col>
      <xdr:colOff>101600</xdr:colOff>
      <xdr:row>85</xdr:row>
      <xdr:rowOff>16205</xdr:rowOff>
    </xdr:to>
    <xdr:sp macro="" textlink="">
      <xdr:nvSpPr>
        <xdr:cNvPr id="350" name="フローチャート: 判断 349"/>
        <xdr:cNvSpPr/>
      </xdr:nvSpPr>
      <xdr:spPr>
        <a:xfrm>
          <a:off x="6873240" y="1416781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92914</xdr:rowOff>
    </xdr:from>
    <xdr:to>
      <xdr:col>36</xdr:col>
      <xdr:colOff>165100</xdr:colOff>
      <xdr:row>85</xdr:row>
      <xdr:rowOff>23064</xdr:rowOff>
    </xdr:to>
    <xdr:sp macro="" textlink="">
      <xdr:nvSpPr>
        <xdr:cNvPr id="351" name="フローチャート: 判断 350"/>
        <xdr:cNvSpPr/>
      </xdr:nvSpPr>
      <xdr:spPr>
        <a:xfrm>
          <a:off x="6098540" y="141746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2" name="テキスト ボックス 351"/>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3" name="テキスト ボックス 352"/>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4" name="テキスト ボックス 353"/>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5" name="テキスト ボックス 354"/>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6" name="テキスト ボックス 355"/>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5492</xdr:rowOff>
    </xdr:from>
    <xdr:to>
      <xdr:col>55</xdr:col>
      <xdr:colOff>50800</xdr:colOff>
      <xdr:row>86</xdr:row>
      <xdr:rowOff>75642</xdr:rowOff>
    </xdr:to>
    <xdr:sp macro="" textlink="">
      <xdr:nvSpPr>
        <xdr:cNvPr id="357" name="楕円 356"/>
        <xdr:cNvSpPr/>
      </xdr:nvSpPr>
      <xdr:spPr>
        <a:xfrm>
          <a:off x="9192260" y="143948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0419</xdr:rowOff>
    </xdr:from>
    <xdr:ext cx="469744" cy="259045"/>
    <xdr:sp macro="" textlink="">
      <xdr:nvSpPr>
        <xdr:cNvPr id="358" name="【公営住宅】&#10;一人当たり面積該当値テキスト"/>
        <xdr:cNvSpPr txBox="1"/>
      </xdr:nvSpPr>
      <xdr:spPr>
        <a:xfrm>
          <a:off x="9258300" y="14309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5492</xdr:rowOff>
    </xdr:from>
    <xdr:to>
      <xdr:col>50</xdr:col>
      <xdr:colOff>165100</xdr:colOff>
      <xdr:row>86</xdr:row>
      <xdr:rowOff>75642</xdr:rowOff>
    </xdr:to>
    <xdr:sp macro="" textlink="">
      <xdr:nvSpPr>
        <xdr:cNvPr id="359" name="楕円 358"/>
        <xdr:cNvSpPr/>
      </xdr:nvSpPr>
      <xdr:spPr>
        <a:xfrm>
          <a:off x="8445500" y="143948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4842</xdr:rowOff>
    </xdr:from>
    <xdr:to>
      <xdr:col>55</xdr:col>
      <xdr:colOff>0</xdr:colOff>
      <xdr:row>86</xdr:row>
      <xdr:rowOff>24842</xdr:rowOff>
    </xdr:to>
    <xdr:cxnSp macro="">
      <xdr:nvCxnSpPr>
        <xdr:cNvPr id="360" name="直線コネクタ 359"/>
        <xdr:cNvCxnSpPr/>
      </xdr:nvCxnSpPr>
      <xdr:spPr>
        <a:xfrm>
          <a:off x="8496300" y="14441882"/>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45492</xdr:rowOff>
    </xdr:from>
    <xdr:to>
      <xdr:col>46</xdr:col>
      <xdr:colOff>38100</xdr:colOff>
      <xdr:row>86</xdr:row>
      <xdr:rowOff>75642</xdr:rowOff>
    </xdr:to>
    <xdr:sp macro="" textlink="">
      <xdr:nvSpPr>
        <xdr:cNvPr id="361" name="楕円 360"/>
        <xdr:cNvSpPr/>
      </xdr:nvSpPr>
      <xdr:spPr>
        <a:xfrm>
          <a:off x="7670800" y="143948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4842</xdr:rowOff>
    </xdr:from>
    <xdr:to>
      <xdr:col>50</xdr:col>
      <xdr:colOff>114300</xdr:colOff>
      <xdr:row>86</xdr:row>
      <xdr:rowOff>24842</xdr:rowOff>
    </xdr:to>
    <xdr:cxnSp macro="">
      <xdr:nvCxnSpPr>
        <xdr:cNvPr id="362" name="直線コネクタ 361"/>
        <xdr:cNvCxnSpPr/>
      </xdr:nvCxnSpPr>
      <xdr:spPr>
        <a:xfrm>
          <a:off x="7713980" y="14441882"/>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45492</xdr:rowOff>
    </xdr:from>
    <xdr:to>
      <xdr:col>41</xdr:col>
      <xdr:colOff>101600</xdr:colOff>
      <xdr:row>86</xdr:row>
      <xdr:rowOff>75642</xdr:rowOff>
    </xdr:to>
    <xdr:sp macro="" textlink="">
      <xdr:nvSpPr>
        <xdr:cNvPr id="363" name="楕円 362"/>
        <xdr:cNvSpPr/>
      </xdr:nvSpPr>
      <xdr:spPr>
        <a:xfrm>
          <a:off x="6873240" y="143948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24842</xdr:rowOff>
    </xdr:from>
    <xdr:to>
      <xdr:col>45</xdr:col>
      <xdr:colOff>177800</xdr:colOff>
      <xdr:row>86</xdr:row>
      <xdr:rowOff>24842</xdr:rowOff>
    </xdr:to>
    <xdr:cxnSp macro="">
      <xdr:nvCxnSpPr>
        <xdr:cNvPr id="364" name="直線コネクタ 363"/>
        <xdr:cNvCxnSpPr/>
      </xdr:nvCxnSpPr>
      <xdr:spPr>
        <a:xfrm>
          <a:off x="6924040" y="14441882"/>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45492</xdr:rowOff>
    </xdr:from>
    <xdr:to>
      <xdr:col>36</xdr:col>
      <xdr:colOff>165100</xdr:colOff>
      <xdr:row>86</xdr:row>
      <xdr:rowOff>75642</xdr:rowOff>
    </xdr:to>
    <xdr:sp macro="" textlink="">
      <xdr:nvSpPr>
        <xdr:cNvPr id="365" name="楕円 364"/>
        <xdr:cNvSpPr/>
      </xdr:nvSpPr>
      <xdr:spPr>
        <a:xfrm>
          <a:off x="6098540" y="143948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24842</xdr:rowOff>
    </xdr:from>
    <xdr:to>
      <xdr:col>41</xdr:col>
      <xdr:colOff>50800</xdr:colOff>
      <xdr:row>86</xdr:row>
      <xdr:rowOff>24842</xdr:rowOff>
    </xdr:to>
    <xdr:cxnSp macro="">
      <xdr:nvCxnSpPr>
        <xdr:cNvPr id="366" name="直線コネクタ 365"/>
        <xdr:cNvCxnSpPr/>
      </xdr:nvCxnSpPr>
      <xdr:spPr>
        <a:xfrm>
          <a:off x="6149340" y="14441882"/>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33647</xdr:rowOff>
    </xdr:from>
    <xdr:ext cx="469744" cy="259045"/>
    <xdr:sp macro="" textlink="">
      <xdr:nvSpPr>
        <xdr:cNvPr id="367" name="n_1aveValue【公営住宅】&#10;一人当たり面積"/>
        <xdr:cNvSpPr txBox="1"/>
      </xdr:nvSpPr>
      <xdr:spPr>
        <a:xfrm>
          <a:off x="8271587" y="13947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33190</xdr:rowOff>
    </xdr:from>
    <xdr:ext cx="469744" cy="259045"/>
    <xdr:sp macro="" textlink="">
      <xdr:nvSpPr>
        <xdr:cNvPr id="368" name="n_2aveValue【公営住宅】&#10;一人当たり面積"/>
        <xdr:cNvSpPr txBox="1"/>
      </xdr:nvSpPr>
      <xdr:spPr>
        <a:xfrm>
          <a:off x="7509587" y="13947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32732</xdr:rowOff>
    </xdr:from>
    <xdr:ext cx="469744" cy="259045"/>
    <xdr:sp macro="" textlink="">
      <xdr:nvSpPr>
        <xdr:cNvPr id="369" name="n_3aveValue【公営住宅】&#10;一人当たり面積"/>
        <xdr:cNvSpPr txBox="1"/>
      </xdr:nvSpPr>
      <xdr:spPr>
        <a:xfrm>
          <a:off x="6712027" y="13946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39591</xdr:rowOff>
    </xdr:from>
    <xdr:ext cx="469744" cy="259045"/>
    <xdr:sp macro="" textlink="">
      <xdr:nvSpPr>
        <xdr:cNvPr id="370" name="n_4aveValue【公営住宅】&#10;一人当たり面積"/>
        <xdr:cNvSpPr txBox="1"/>
      </xdr:nvSpPr>
      <xdr:spPr>
        <a:xfrm>
          <a:off x="5937327" y="13953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6769</xdr:rowOff>
    </xdr:from>
    <xdr:ext cx="469744" cy="259045"/>
    <xdr:sp macro="" textlink="">
      <xdr:nvSpPr>
        <xdr:cNvPr id="371" name="n_1mainValue【公営住宅】&#10;一人当たり面積"/>
        <xdr:cNvSpPr txBox="1"/>
      </xdr:nvSpPr>
      <xdr:spPr>
        <a:xfrm>
          <a:off x="8271587" y="14483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66769</xdr:rowOff>
    </xdr:from>
    <xdr:ext cx="469744" cy="259045"/>
    <xdr:sp macro="" textlink="">
      <xdr:nvSpPr>
        <xdr:cNvPr id="372" name="n_2mainValue【公営住宅】&#10;一人当たり面積"/>
        <xdr:cNvSpPr txBox="1"/>
      </xdr:nvSpPr>
      <xdr:spPr>
        <a:xfrm>
          <a:off x="7509587" y="14483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66769</xdr:rowOff>
    </xdr:from>
    <xdr:ext cx="469744" cy="259045"/>
    <xdr:sp macro="" textlink="">
      <xdr:nvSpPr>
        <xdr:cNvPr id="373" name="n_3mainValue【公営住宅】&#10;一人当たり面積"/>
        <xdr:cNvSpPr txBox="1"/>
      </xdr:nvSpPr>
      <xdr:spPr>
        <a:xfrm>
          <a:off x="6712027" y="14483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66769</xdr:rowOff>
    </xdr:from>
    <xdr:ext cx="469744" cy="259045"/>
    <xdr:sp macro="" textlink="">
      <xdr:nvSpPr>
        <xdr:cNvPr id="374" name="n_4mainValue【公営住宅】&#10;一人当たり面積"/>
        <xdr:cNvSpPr txBox="1"/>
      </xdr:nvSpPr>
      <xdr:spPr>
        <a:xfrm>
          <a:off x="5937327" y="14483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5" name="正方形/長方形 374"/>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6" name="正方形/長方形 375"/>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7" name="正方形/長方形 376"/>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8" name="正方形/長方形 377"/>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9" name="正方形/長方形 378"/>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0" name="正方形/長方形 379"/>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1" name="正方形/長方形 380"/>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2" name="正方形/長方形 381"/>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3" name="正方形/長方形 382"/>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4" name="正方形/長方形 383"/>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5" name="正方形/長方形 384"/>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6" name="正方形/長方形 385"/>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7" name="正方形/長方形 386"/>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8" name="正方形/長方形 387"/>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9" name="正方形/長方形 388"/>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0" name="正方形/長方形 389"/>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1" name="正方形/長方形 390"/>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2" name="正方形/長方形 391"/>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3" name="正方形/長方形 392"/>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4" name="正方形/長方形 393"/>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5" name="正方形/長方形 394"/>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6" name="正方形/長方形 395"/>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7" name="正方形/長方形 396"/>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8" name="正方形/長方形 397"/>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9" name="テキスト ボックス 398"/>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0" name="直線コネクタ 399"/>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1" name="テキスト ボックス 400"/>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2" name="直線コネクタ 401"/>
        <xdr:cNvCxnSpPr/>
      </xdr:nvCxnSpPr>
      <xdr:spPr>
        <a:xfrm>
          <a:off x="10960100" y="70789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3" name="テキスト ボックス 402"/>
        <xdr:cNvSpPr txBox="1"/>
      </xdr:nvSpPr>
      <xdr:spPr>
        <a:xfrm>
          <a:off x="105615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4" name="直線コネクタ 403"/>
        <xdr:cNvCxnSpPr/>
      </xdr:nvCxnSpPr>
      <xdr:spPr>
        <a:xfrm>
          <a:off x="10960100" y="67056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5" name="テキスト ボックス 404"/>
        <xdr:cNvSpPr txBox="1"/>
      </xdr:nvSpPr>
      <xdr:spPr>
        <a:xfrm>
          <a:off x="1060276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6" name="直線コネクタ 405"/>
        <xdr:cNvCxnSpPr/>
      </xdr:nvCxnSpPr>
      <xdr:spPr>
        <a:xfrm>
          <a:off x="10960100" y="63360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7" name="テキスト ボックス 406"/>
        <xdr:cNvSpPr txBox="1"/>
      </xdr:nvSpPr>
      <xdr:spPr>
        <a:xfrm>
          <a:off x="1060276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8" name="直線コネクタ 407"/>
        <xdr:cNvCxnSpPr/>
      </xdr:nvCxnSpPr>
      <xdr:spPr>
        <a:xfrm>
          <a:off x="10960100" y="59626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09" name="テキスト ボックス 408"/>
        <xdr:cNvSpPr txBox="1"/>
      </xdr:nvSpPr>
      <xdr:spPr>
        <a:xfrm>
          <a:off x="1060276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0" name="直線コネクタ 409"/>
        <xdr:cNvCxnSpPr/>
      </xdr:nvCxnSpPr>
      <xdr:spPr>
        <a:xfrm>
          <a:off x="10960100" y="55892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1" name="テキスト ボックス 410"/>
        <xdr:cNvSpPr txBox="1"/>
      </xdr:nvSpPr>
      <xdr:spPr>
        <a:xfrm>
          <a:off x="1060276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2" name="直線コネクタ 411"/>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3" name="テキスト ボックス 412"/>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4" name="【認定こども園・幼稚園・保育所】&#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0970</xdr:rowOff>
    </xdr:from>
    <xdr:to>
      <xdr:col>85</xdr:col>
      <xdr:colOff>126364</xdr:colOff>
      <xdr:row>42</xdr:row>
      <xdr:rowOff>19050</xdr:rowOff>
    </xdr:to>
    <xdr:cxnSp macro="">
      <xdr:nvCxnSpPr>
        <xdr:cNvPr id="415" name="直線コネクタ 414"/>
        <xdr:cNvCxnSpPr/>
      </xdr:nvCxnSpPr>
      <xdr:spPr>
        <a:xfrm flipV="1">
          <a:off x="14375764" y="567309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2877</xdr:rowOff>
    </xdr:from>
    <xdr:ext cx="405111" cy="259045"/>
    <xdr:sp macro="" textlink="">
      <xdr:nvSpPr>
        <xdr:cNvPr id="416" name="【認定こども園・幼稚園・保育所】&#10;有形固定資産減価償却率最小値テキスト"/>
        <xdr:cNvSpPr txBox="1"/>
      </xdr:nvSpPr>
      <xdr:spPr>
        <a:xfrm>
          <a:off x="14414500" y="706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9050</xdr:rowOff>
    </xdr:from>
    <xdr:to>
      <xdr:col>86</xdr:col>
      <xdr:colOff>25400</xdr:colOff>
      <xdr:row>42</xdr:row>
      <xdr:rowOff>19050</xdr:rowOff>
    </xdr:to>
    <xdr:cxnSp macro="">
      <xdr:nvCxnSpPr>
        <xdr:cNvPr id="417" name="直線コネクタ 416"/>
        <xdr:cNvCxnSpPr/>
      </xdr:nvCxnSpPr>
      <xdr:spPr>
        <a:xfrm>
          <a:off x="14287500" y="70599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7647</xdr:rowOff>
    </xdr:from>
    <xdr:ext cx="405111" cy="259045"/>
    <xdr:sp macro="" textlink="">
      <xdr:nvSpPr>
        <xdr:cNvPr id="418" name="【認定こども園・幼稚園・保育所】&#10;有形固定資産減価償却率最大値テキスト"/>
        <xdr:cNvSpPr txBox="1"/>
      </xdr:nvSpPr>
      <xdr:spPr>
        <a:xfrm>
          <a:off x="14414500" y="5452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0970</xdr:rowOff>
    </xdr:from>
    <xdr:to>
      <xdr:col>86</xdr:col>
      <xdr:colOff>25400</xdr:colOff>
      <xdr:row>33</xdr:row>
      <xdr:rowOff>140970</xdr:rowOff>
    </xdr:to>
    <xdr:cxnSp macro="">
      <xdr:nvCxnSpPr>
        <xdr:cNvPr id="419" name="直線コネクタ 418"/>
        <xdr:cNvCxnSpPr/>
      </xdr:nvCxnSpPr>
      <xdr:spPr>
        <a:xfrm>
          <a:off x="14287500" y="56730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33367</xdr:rowOff>
    </xdr:from>
    <xdr:ext cx="405111" cy="259045"/>
    <xdr:sp macro="" textlink="">
      <xdr:nvSpPr>
        <xdr:cNvPr id="420" name="【認定こども園・幼稚園・保育所】&#10;有形固定資産減価償却率平均値テキスト"/>
        <xdr:cNvSpPr txBox="1"/>
      </xdr:nvSpPr>
      <xdr:spPr>
        <a:xfrm>
          <a:off x="14414500" y="63360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4940</xdr:rowOff>
    </xdr:from>
    <xdr:to>
      <xdr:col>85</xdr:col>
      <xdr:colOff>177800</xdr:colOff>
      <xdr:row>38</xdr:row>
      <xdr:rowOff>85090</xdr:rowOff>
    </xdr:to>
    <xdr:sp macro="" textlink="">
      <xdr:nvSpPr>
        <xdr:cNvPr id="421" name="フローチャート: 判断 420"/>
        <xdr:cNvSpPr/>
      </xdr:nvSpPr>
      <xdr:spPr>
        <a:xfrm>
          <a:off x="14325600" y="635762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92075</xdr:rowOff>
    </xdr:from>
    <xdr:to>
      <xdr:col>81</xdr:col>
      <xdr:colOff>101600</xdr:colOff>
      <xdr:row>38</xdr:row>
      <xdr:rowOff>22225</xdr:rowOff>
    </xdr:to>
    <xdr:sp macro="" textlink="">
      <xdr:nvSpPr>
        <xdr:cNvPr id="422" name="フローチャート: 判断 421"/>
        <xdr:cNvSpPr/>
      </xdr:nvSpPr>
      <xdr:spPr>
        <a:xfrm>
          <a:off x="13578840" y="62947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07315</xdr:rowOff>
    </xdr:from>
    <xdr:to>
      <xdr:col>76</xdr:col>
      <xdr:colOff>165100</xdr:colOff>
      <xdr:row>38</xdr:row>
      <xdr:rowOff>37465</xdr:rowOff>
    </xdr:to>
    <xdr:sp macro="" textlink="">
      <xdr:nvSpPr>
        <xdr:cNvPr id="423" name="フローチャート: 判断 422"/>
        <xdr:cNvSpPr/>
      </xdr:nvSpPr>
      <xdr:spPr>
        <a:xfrm>
          <a:off x="12804140" y="63099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88265</xdr:rowOff>
    </xdr:from>
    <xdr:to>
      <xdr:col>72</xdr:col>
      <xdr:colOff>38100</xdr:colOff>
      <xdr:row>38</xdr:row>
      <xdr:rowOff>18415</xdr:rowOff>
    </xdr:to>
    <xdr:sp macro="" textlink="">
      <xdr:nvSpPr>
        <xdr:cNvPr id="424" name="フローチャート: 判断 423"/>
        <xdr:cNvSpPr/>
      </xdr:nvSpPr>
      <xdr:spPr>
        <a:xfrm>
          <a:off x="12029440" y="629094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2550</xdr:rowOff>
    </xdr:from>
    <xdr:to>
      <xdr:col>67</xdr:col>
      <xdr:colOff>101600</xdr:colOff>
      <xdr:row>38</xdr:row>
      <xdr:rowOff>12700</xdr:rowOff>
    </xdr:to>
    <xdr:sp macro="" textlink="">
      <xdr:nvSpPr>
        <xdr:cNvPr id="425" name="フローチャート: 判断 424"/>
        <xdr:cNvSpPr/>
      </xdr:nvSpPr>
      <xdr:spPr>
        <a:xfrm>
          <a:off x="11231880" y="62852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6" name="テキスト ボックス 425"/>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7" name="テキスト ボックス 426"/>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8" name="テキスト ボックス 427"/>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9" name="テキスト ボックス 428"/>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0" name="テキスト ボックス 429"/>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40640</xdr:rowOff>
    </xdr:from>
    <xdr:to>
      <xdr:col>85</xdr:col>
      <xdr:colOff>177800</xdr:colOff>
      <xdr:row>34</xdr:row>
      <xdr:rowOff>142240</xdr:rowOff>
    </xdr:to>
    <xdr:sp macro="" textlink="">
      <xdr:nvSpPr>
        <xdr:cNvPr id="431" name="楕円 430"/>
        <xdr:cNvSpPr/>
      </xdr:nvSpPr>
      <xdr:spPr>
        <a:xfrm>
          <a:off x="14325600" y="5740400"/>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127017</xdr:rowOff>
    </xdr:from>
    <xdr:ext cx="405111" cy="259045"/>
    <xdr:sp macro="" textlink="">
      <xdr:nvSpPr>
        <xdr:cNvPr id="432" name="【認定こども園・幼稚園・保育所】&#10;有形固定資産減価償却率該当値テキスト"/>
        <xdr:cNvSpPr txBox="1"/>
      </xdr:nvSpPr>
      <xdr:spPr>
        <a:xfrm>
          <a:off x="14414500" y="5659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170180</xdr:rowOff>
    </xdr:from>
    <xdr:to>
      <xdr:col>81</xdr:col>
      <xdr:colOff>101600</xdr:colOff>
      <xdr:row>34</xdr:row>
      <xdr:rowOff>100330</xdr:rowOff>
    </xdr:to>
    <xdr:sp macro="" textlink="">
      <xdr:nvSpPr>
        <xdr:cNvPr id="433" name="楕円 432"/>
        <xdr:cNvSpPr/>
      </xdr:nvSpPr>
      <xdr:spPr>
        <a:xfrm>
          <a:off x="13578840" y="57023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49530</xdr:rowOff>
    </xdr:from>
    <xdr:to>
      <xdr:col>85</xdr:col>
      <xdr:colOff>127000</xdr:colOff>
      <xdr:row>34</xdr:row>
      <xdr:rowOff>91440</xdr:rowOff>
    </xdr:to>
    <xdr:cxnSp macro="">
      <xdr:nvCxnSpPr>
        <xdr:cNvPr id="434" name="直線コネクタ 433"/>
        <xdr:cNvCxnSpPr/>
      </xdr:nvCxnSpPr>
      <xdr:spPr>
        <a:xfrm>
          <a:off x="13629640" y="5749290"/>
          <a:ext cx="74676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128270</xdr:rowOff>
    </xdr:from>
    <xdr:to>
      <xdr:col>76</xdr:col>
      <xdr:colOff>165100</xdr:colOff>
      <xdr:row>34</xdr:row>
      <xdr:rowOff>58420</xdr:rowOff>
    </xdr:to>
    <xdr:sp macro="" textlink="">
      <xdr:nvSpPr>
        <xdr:cNvPr id="435" name="楕円 434"/>
        <xdr:cNvSpPr/>
      </xdr:nvSpPr>
      <xdr:spPr>
        <a:xfrm>
          <a:off x="12804140" y="56603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7620</xdr:rowOff>
    </xdr:from>
    <xdr:to>
      <xdr:col>81</xdr:col>
      <xdr:colOff>50800</xdr:colOff>
      <xdr:row>34</xdr:row>
      <xdr:rowOff>49530</xdr:rowOff>
    </xdr:to>
    <xdr:cxnSp macro="">
      <xdr:nvCxnSpPr>
        <xdr:cNvPr id="436" name="直線コネクタ 435"/>
        <xdr:cNvCxnSpPr/>
      </xdr:nvCxnSpPr>
      <xdr:spPr>
        <a:xfrm>
          <a:off x="12854940" y="5707380"/>
          <a:ext cx="7747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86360</xdr:rowOff>
    </xdr:from>
    <xdr:to>
      <xdr:col>72</xdr:col>
      <xdr:colOff>38100</xdr:colOff>
      <xdr:row>34</xdr:row>
      <xdr:rowOff>16510</xdr:rowOff>
    </xdr:to>
    <xdr:sp macro="" textlink="">
      <xdr:nvSpPr>
        <xdr:cNvPr id="437" name="楕円 436"/>
        <xdr:cNvSpPr/>
      </xdr:nvSpPr>
      <xdr:spPr>
        <a:xfrm>
          <a:off x="12029440" y="561848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3</xdr:row>
      <xdr:rowOff>137160</xdr:rowOff>
    </xdr:from>
    <xdr:to>
      <xdr:col>76</xdr:col>
      <xdr:colOff>114300</xdr:colOff>
      <xdr:row>34</xdr:row>
      <xdr:rowOff>7620</xdr:rowOff>
    </xdr:to>
    <xdr:cxnSp macro="">
      <xdr:nvCxnSpPr>
        <xdr:cNvPr id="438" name="直線コネクタ 437"/>
        <xdr:cNvCxnSpPr/>
      </xdr:nvCxnSpPr>
      <xdr:spPr>
        <a:xfrm>
          <a:off x="12072620" y="5669280"/>
          <a:ext cx="78232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44450</xdr:rowOff>
    </xdr:from>
    <xdr:to>
      <xdr:col>67</xdr:col>
      <xdr:colOff>101600</xdr:colOff>
      <xdr:row>33</xdr:row>
      <xdr:rowOff>146050</xdr:rowOff>
    </xdr:to>
    <xdr:sp macro="" textlink="">
      <xdr:nvSpPr>
        <xdr:cNvPr id="439" name="楕円 438"/>
        <xdr:cNvSpPr/>
      </xdr:nvSpPr>
      <xdr:spPr>
        <a:xfrm>
          <a:off x="11231880" y="5576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3</xdr:row>
      <xdr:rowOff>95250</xdr:rowOff>
    </xdr:from>
    <xdr:to>
      <xdr:col>71</xdr:col>
      <xdr:colOff>177800</xdr:colOff>
      <xdr:row>33</xdr:row>
      <xdr:rowOff>137160</xdr:rowOff>
    </xdr:to>
    <xdr:cxnSp macro="">
      <xdr:nvCxnSpPr>
        <xdr:cNvPr id="440" name="直線コネクタ 439"/>
        <xdr:cNvCxnSpPr/>
      </xdr:nvCxnSpPr>
      <xdr:spPr>
        <a:xfrm>
          <a:off x="11282680" y="5627370"/>
          <a:ext cx="78994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3352</xdr:rowOff>
    </xdr:from>
    <xdr:ext cx="405111" cy="259045"/>
    <xdr:sp macro="" textlink="">
      <xdr:nvSpPr>
        <xdr:cNvPr id="441" name="n_1aveValue【認定こども園・幼稚園・保育所】&#10;有形固定資産減価償却率"/>
        <xdr:cNvSpPr txBox="1"/>
      </xdr:nvSpPr>
      <xdr:spPr>
        <a:xfrm>
          <a:off x="13437244" y="6383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28592</xdr:rowOff>
    </xdr:from>
    <xdr:ext cx="405111" cy="259045"/>
    <xdr:sp macro="" textlink="">
      <xdr:nvSpPr>
        <xdr:cNvPr id="442" name="n_2aveValue【認定こども園・幼稚園・保育所】&#10;有形固定資産減価償却率"/>
        <xdr:cNvSpPr txBox="1"/>
      </xdr:nvSpPr>
      <xdr:spPr>
        <a:xfrm>
          <a:off x="12675244" y="6398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9542</xdr:rowOff>
    </xdr:from>
    <xdr:ext cx="405111" cy="259045"/>
    <xdr:sp macro="" textlink="">
      <xdr:nvSpPr>
        <xdr:cNvPr id="443" name="n_3aveValue【認定こども園・幼稚園・保育所】&#10;有形固定資産減価償却率"/>
        <xdr:cNvSpPr txBox="1"/>
      </xdr:nvSpPr>
      <xdr:spPr>
        <a:xfrm>
          <a:off x="11900544" y="6379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3827</xdr:rowOff>
    </xdr:from>
    <xdr:ext cx="405111" cy="259045"/>
    <xdr:sp macro="" textlink="">
      <xdr:nvSpPr>
        <xdr:cNvPr id="444" name="n_4aveValue【認定こども園・幼稚園・保育所】&#10;有形固定資産減価償却率"/>
        <xdr:cNvSpPr txBox="1"/>
      </xdr:nvSpPr>
      <xdr:spPr>
        <a:xfrm>
          <a:off x="11102984" y="6374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2</xdr:row>
      <xdr:rowOff>116857</xdr:rowOff>
    </xdr:from>
    <xdr:ext cx="405111" cy="259045"/>
    <xdr:sp macro="" textlink="">
      <xdr:nvSpPr>
        <xdr:cNvPr id="445" name="n_1mainValue【認定こども園・幼稚園・保育所】&#10;有形固定資産減価償却率"/>
        <xdr:cNvSpPr txBox="1"/>
      </xdr:nvSpPr>
      <xdr:spPr>
        <a:xfrm>
          <a:off x="13437244" y="5481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74947</xdr:rowOff>
    </xdr:from>
    <xdr:ext cx="405111" cy="259045"/>
    <xdr:sp macro="" textlink="">
      <xdr:nvSpPr>
        <xdr:cNvPr id="446" name="n_2mainValue【認定こども園・幼稚園・保育所】&#10;有形固定資産減価償却率"/>
        <xdr:cNvSpPr txBox="1"/>
      </xdr:nvSpPr>
      <xdr:spPr>
        <a:xfrm>
          <a:off x="12675244" y="543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33037</xdr:rowOff>
    </xdr:from>
    <xdr:ext cx="405111" cy="259045"/>
    <xdr:sp macro="" textlink="">
      <xdr:nvSpPr>
        <xdr:cNvPr id="447" name="n_3mainValue【認定こども園・幼稚園・保育所】&#10;有形固定資産減価償却率"/>
        <xdr:cNvSpPr txBox="1"/>
      </xdr:nvSpPr>
      <xdr:spPr>
        <a:xfrm>
          <a:off x="11900544" y="539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1</xdr:row>
      <xdr:rowOff>162577</xdr:rowOff>
    </xdr:from>
    <xdr:ext cx="405111" cy="259045"/>
    <xdr:sp macro="" textlink="">
      <xdr:nvSpPr>
        <xdr:cNvPr id="448" name="n_4mainValue【認定こども園・幼稚園・保育所】&#10;有形固定資産減価償却率"/>
        <xdr:cNvSpPr txBox="1"/>
      </xdr:nvSpPr>
      <xdr:spPr>
        <a:xfrm>
          <a:off x="11102984" y="5359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9" name="正方形/長方形 448"/>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0" name="正方形/長方形 449"/>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1" name="正方形/長方形 450"/>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2" name="正方形/長方形 451"/>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3" name="正方形/長方形 452"/>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4" name="正方形/長方形 453"/>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5" name="正方形/長方形 454"/>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6" name="正方形/長方形 455"/>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7" name="テキスト ボックス 456"/>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8" name="直線コネクタ 457"/>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59" name="直線コネクタ 458"/>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0" name="テキスト ボックス 459"/>
        <xdr:cNvSpPr txBox="1"/>
      </xdr:nvSpPr>
      <xdr:spPr>
        <a:xfrm>
          <a:off x="1569484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1" name="直線コネクタ 460"/>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2" name="テキスト ボックス 461"/>
        <xdr:cNvSpPr txBox="1"/>
      </xdr:nvSpPr>
      <xdr:spPr>
        <a:xfrm>
          <a:off x="1569484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3" name="直線コネクタ 462"/>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4" name="テキスト ボックス 463"/>
        <xdr:cNvSpPr txBox="1"/>
      </xdr:nvSpPr>
      <xdr:spPr>
        <a:xfrm>
          <a:off x="1569484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5" name="直線コネクタ 464"/>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6" name="テキスト ボックス 465"/>
        <xdr:cNvSpPr txBox="1"/>
      </xdr:nvSpPr>
      <xdr:spPr>
        <a:xfrm>
          <a:off x="1569484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7" name="直線コネクタ 466"/>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8" name="テキスト ボックス 467"/>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9" name="【認定こども園・幼稚園・保育所】&#10;一人当たり面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478</xdr:rowOff>
    </xdr:from>
    <xdr:to>
      <xdr:col>116</xdr:col>
      <xdr:colOff>62864</xdr:colOff>
      <xdr:row>41</xdr:row>
      <xdr:rowOff>92202</xdr:rowOff>
    </xdr:to>
    <xdr:cxnSp macro="">
      <xdr:nvCxnSpPr>
        <xdr:cNvPr id="470" name="直線コネクタ 469"/>
        <xdr:cNvCxnSpPr/>
      </xdr:nvCxnSpPr>
      <xdr:spPr>
        <a:xfrm flipV="1">
          <a:off x="19509104" y="5546598"/>
          <a:ext cx="0" cy="1418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6029</xdr:rowOff>
    </xdr:from>
    <xdr:ext cx="469744" cy="259045"/>
    <xdr:sp macro="" textlink="">
      <xdr:nvSpPr>
        <xdr:cNvPr id="471" name="【認定こども園・幼稚園・保育所】&#10;一人当たり面積最小値テキスト"/>
        <xdr:cNvSpPr txBox="1"/>
      </xdr:nvSpPr>
      <xdr:spPr>
        <a:xfrm>
          <a:off x="19547840" y="6969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92202</xdr:rowOff>
    </xdr:from>
    <xdr:to>
      <xdr:col>116</xdr:col>
      <xdr:colOff>152400</xdr:colOff>
      <xdr:row>41</xdr:row>
      <xdr:rowOff>92202</xdr:rowOff>
    </xdr:to>
    <xdr:cxnSp macro="">
      <xdr:nvCxnSpPr>
        <xdr:cNvPr id="472" name="直線コネクタ 471"/>
        <xdr:cNvCxnSpPr/>
      </xdr:nvCxnSpPr>
      <xdr:spPr>
        <a:xfrm>
          <a:off x="19443700" y="69654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32605</xdr:rowOff>
    </xdr:from>
    <xdr:ext cx="469744" cy="259045"/>
    <xdr:sp macro="" textlink="">
      <xdr:nvSpPr>
        <xdr:cNvPr id="473" name="【認定こども園・幼稚園・保育所】&#10;一人当たり面積最大値テキスト"/>
        <xdr:cNvSpPr txBox="1"/>
      </xdr:nvSpPr>
      <xdr:spPr>
        <a:xfrm>
          <a:off x="19547840" y="5329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478</xdr:rowOff>
    </xdr:from>
    <xdr:to>
      <xdr:col>116</xdr:col>
      <xdr:colOff>152400</xdr:colOff>
      <xdr:row>33</xdr:row>
      <xdr:rowOff>14478</xdr:rowOff>
    </xdr:to>
    <xdr:cxnSp macro="">
      <xdr:nvCxnSpPr>
        <xdr:cNvPr id="474" name="直線コネクタ 473"/>
        <xdr:cNvCxnSpPr/>
      </xdr:nvCxnSpPr>
      <xdr:spPr>
        <a:xfrm>
          <a:off x="19443700" y="554659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132859</xdr:rowOff>
    </xdr:from>
    <xdr:ext cx="469744" cy="259045"/>
    <xdr:sp macro="" textlink="">
      <xdr:nvSpPr>
        <xdr:cNvPr id="475" name="【認定こども園・幼稚園・保育所】&#10;一人当たり面積平均値テキスト"/>
        <xdr:cNvSpPr txBox="1"/>
      </xdr:nvSpPr>
      <xdr:spPr>
        <a:xfrm>
          <a:off x="19547840" y="61678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09982</xdr:rowOff>
    </xdr:from>
    <xdr:to>
      <xdr:col>116</xdr:col>
      <xdr:colOff>114300</xdr:colOff>
      <xdr:row>38</xdr:row>
      <xdr:rowOff>40132</xdr:rowOff>
    </xdr:to>
    <xdr:sp macro="" textlink="">
      <xdr:nvSpPr>
        <xdr:cNvPr id="476" name="フローチャート: 判断 475"/>
        <xdr:cNvSpPr/>
      </xdr:nvSpPr>
      <xdr:spPr>
        <a:xfrm>
          <a:off x="19458940" y="631266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68834</xdr:rowOff>
    </xdr:from>
    <xdr:to>
      <xdr:col>112</xdr:col>
      <xdr:colOff>38100</xdr:colOff>
      <xdr:row>37</xdr:row>
      <xdr:rowOff>170435</xdr:rowOff>
    </xdr:to>
    <xdr:sp macro="" textlink="">
      <xdr:nvSpPr>
        <xdr:cNvPr id="477" name="フローチャート: 判断 476"/>
        <xdr:cNvSpPr/>
      </xdr:nvSpPr>
      <xdr:spPr>
        <a:xfrm>
          <a:off x="18735040" y="6271514"/>
          <a:ext cx="7874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77978</xdr:rowOff>
    </xdr:from>
    <xdr:to>
      <xdr:col>107</xdr:col>
      <xdr:colOff>101600</xdr:colOff>
      <xdr:row>38</xdr:row>
      <xdr:rowOff>8128</xdr:rowOff>
    </xdr:to>
    <xdr:sp macro="" textlink="">
      <xdr:nvSpPr>
        <xdr:cNvPr id="478" name="フローチャート: 判断 477"/>
        <xdr:cNvSpPr/>
      </xdr:nvSpPr>
      <xdr:spPr>
        <a:xfrm>
          <a:off x="17937480" y="62806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73406</xdr:rowOff>
    </xdr:from>
    <xdr:to>
      <xdr:col>102</xdr:col>
      <xdr:colOff>165100</xdr:colOff>
      <xdr:row>38</xdr:row>
      <xdr:rowOff>3556</xdr:rowOff>
    </xdr:to>
    <xdr:sp macro="" textlink="">
      <xdr:nvSpPr>
        <xdr:cNvPr id="479" name="フローチャート: 判断 478"/>
        <xdr:cNvSpPr/>
      </xdr:nvSpPr>
      <xdr:spPr>
        <a:xfrm>
          <a:off x="17162780" y="62760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96266</xdr:rowOff>
    </xdr:from>
    <xdr:to>
      <xdr:col>98</xdr:col>
      <xdr:colOff>38100</xdr:colOff>
      <xdr:row>38</xdr:row>
      <xdr:rowOff>26415</xdr:rowOff>
    </xdr:to>
    <xdr:sp macro="" textlink="">
      <xdr:nvSpPr>
        <xdr:cNvPr id="480" name="フローチャート: 判断 479"/>
        <xdr:cNvSpPr/>
      </xdr:nvSpPr>
      <xdr:spPr>
        <a:xfrm>
          <a:off x="16388080" y="6298946"/>
          <a:ext cx="78740" cy="9778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1" name="テキスト ボックス 480"/>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2" name="テキスト ボックス 481"/>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3" name="テキスト ボックス 482"/>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4" name="テキスト ボックス 483"/>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5" name="テキスト ボックス 484"/>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21412</xdr:rowOff>
    </xdr:from>
    <xdr:to>
      <xdr:col>116</xdr:col>
      <xdr:colOff>114300</xdr:colOff>
      <xdr:row>41</xdr:row>
      <xdr:rowOff>51562</xdr:rowOff>
    </xdr:to>
    <xdr:sp macro="" textlink="">
      <xdr:nvSpPr>
        <xdr:cNvPr id="486" name="楕円 485"/>
        <xdr:cNvSpPr/>
      </xdr:nvSpPr>
      <xdr:spPr>
        <a:xfrm>
          <a:off x="19458940" y="68270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36339</xdr:rowOff>
    </xdr:from>
    <xdr:ext cx="469744" cy="259045"/>
    <xdr:sp macro="" textlink="">
      <xdr:nvSpPr>
        <xdr:cNvPr id="487" name="【認定こども園・幼稚園・保育所】&#10;一人当たり面積該当値テキスト"/>
        <xdr:cNvSpPr txBox="1"/>
      </xdr:nvSpPr>
      <xdr:spPr>
        <a:xfrm>
          <a:off x="19547840" y="6741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21412</xdr:rowOff>
    </xdr:from>
    <xdr:to>
      <xdr:col>112</xdr:col>
      <xdr:colOff>38100</xdr:colOff>
      <xdr:row>41</xdr:row>
      <xdr:rowOff>51562</xdr:rowOff>
    </xdr:to>
    <xdr:sp macro="" textlink="">
      <xdr:nvSpPr>
        <xdr:cNvPr id="488" name="楕円 487"/>
        <xdr:cNvSpPr/>
      </xdr:nvSpPr>
      <xdr:spPr>
        <a:xfrm>
          <a:off x="18735040" y="682701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762</xdr:rowOff>
    </xdr:from>
    <xdr:to>
      <xdr:col>116</xdr:col>
      <xdr:colOff>63500</xdr:colOff>
      <xdr:row>41</xdr:row>
      <xdr:rowOff>762</xdr:rowOff>
    </xdr:to>
    <xdr:cxnSp macro="">
      <xdr:nvCxnSpPr>
        <xdr:cNvPr id="489" name="直線コネクタ 488"/>
        <xdr:cNvCxnSpPr/>
      </xdr:nvCxnSpPr>
      <xdr:spPr>
        <a:xfrm>
          <a:off x="18778220" y="6874002"/>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21412</xdr:rowOff>
    </xdr:from>
    <xdr:to>
      <xdr:col>107</xdr:col>
      <xdr:colOff>101600</xdr:colOff>
      <xdr:row>41</xdr:row>
      <xdr:rowOff>51562</xdr:rowOff>
    </xdr:to>
    <xdr:sp macro="" textlink="">
      <xdr:nvSpPr>
        <xdr:cNvPr id="490" name="楕円 489"/>
        <xdr:cNvSpPr/>
      </xdr:nvSpPr>
      <xdr:spPr>
        <a:xfrm>
          <a:off x="17937480" y="68270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762</xdr:rowOff>
    </xdr:from>
    <xdr:to>
      <xdr:col>111</xdr:col>
      <xdr:colOff>177800</xdr:colOff>
      <xdr:row>41</xdr:row>
      <xdr:rowOff>762</xdr:rowOff>
    </xdr:to>
    <xdr:cxnSp macro="">
      <xdr:nvCxnSpPr>
        <xdr:cNvPr id="491" name="直線コネクタ 490"/>
        <xdr:cNvCxnSpPr/>
      </xdr:nvCxnSpPr>
      <xdr:spPr>
        <a:xfrm>
          <a:off x="17988280" y="6874002"/>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21412</xdr:rowOff>
    </xdr:from>
    <xdr:to>
      <xdr:col>102</xdr:col>
      <xdr:colOff>165100</xdr:colOff>
      <xdr:row>41</xdr:row>
      <xdr:rowOff>51562</xdr:rowOff>
    </xdr:to>
    <xdr:sp macro="" textlink="">
      <xdr:nvSpPr>
        <xdr:cNvPr id="492" name="楕円 491"/>
        <xdr:cNvSpPr/>
      </xdr:nvSpPr>
      <xdr:spPr>
        <a:xfrm>
          <a:off x="17162780" y="68270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762</xdr:rowOff>
    </xdr:from>
    <xdr:to>
      <xdr:col>107</xdr:col>
      <xdr:colOff>50800</xdr:colOff>
      <xdr:row>41</xdr:row>
      <xdr:rowOff>762</xdr:rowOff>
    </xdr:to>
    <xdr:cxnSp macro="">
      <xdr:nvCxnSpPr>
        <xdr:cNvPr id="493" name="直線コネクタ 492"/>
        <xdr:cNvCxnSpPr/>
      </xdr:nvCxnSpPr>
      <xdr:spPr>
        <a:xfrm>
          <a:off x="17213580" y="6874002"/>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21412</xdr:rowOff>
    </xdr:from>
    <xdr:to>
      <xdr:col>98</xdr:col>
      <xdr:colOff>38100</xdr:colOff>
      <xdr:row>41</xdr:row>
      <xdr:rowOff>51562</xdr:rowOff>
    </xdr:to>
    <xdr:sp macro="" textlink="">
      <xdr:nvSpPr>
        <xdr:cNvPr id="494" name="楕円 493"/>
        <xdr:cNvSpPr/>
      </xdr:nvSpPr>
      <xdr:spPr>
        <a:xfrm>
          <a:off x="16388080" y="682701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762</xdr:rowOff>
    </xdr:from>
    <xdr:to>
      <xdr:col>102</xdr:col>
      <xdr:colOff>114300</xdr:colOff>
      <xdr:row>41</xdr:row>
      <xdr:rowOff>762</xdr:rowOff>
    </xdr:to>
    <xdr:cxnSp macro="">
      <xdr:nvCxnSpPr>
        <xdr:cNvPr id="495" name="直線コネクタ 494"/>
        <xdr:cNvCxnSpPr/>
      </xdr:nvCxnSpPr>
      <xdr:spPr>
        <a:xfrm>
          <a:off x="16431260" y="6874002"/>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6</xdr:row>
      <xdr:rowOff>15511</xdr:rowOff>
    </xdr:from>
    <xdr:ext cx="469744" cy="259045"/>
    <xdr:sp macro="" textlink="">
      <xdr:nvSpPr>
        <xdr:cNvPr id="496" name="n_1aveValue【認定こども園・幼稚園・保育所】&#10;一人当たり面積"/>
        <xdr:cNvSpPr txBox="1"/>
      </xdr:nvSpPr>
      <xdr:spPr>
        <a:xfrm>
          <a:off x="18561127" y="6050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6</xdr:row>
      <xdr:rowOff>24655</xdr:rowOff>
    </xdr:from>
    <xdr:ext cx="469744" cy="259045"/>
    <xdr:sp macro="" textlink="">
      <xdr:nvSpPr>
        <xdr:cNvPr id="497" name="n_2aveValue【認定こども園・幼稚園・保育所】&#10;一人当たり面積"/>
        <xdr:cNvSpPr txBox="1"/>
      </xdr:nvSpPr>
      <xdr:spPr>
        <a:xfrm>
          <a:off x="17776267" y="6059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20083</xdr:rowOff>
    </xdr:from>
    <xdr:ext cx="469744" cy="259045"/>
    <xdr:sp macro="" textlink="">
      <xdr:nvSpPr>
        <xdr:cNvPr id="498" name="n_3aveValue【認定こども園・幼稚園・保育所】&#10;一人当たり面積"/>
        <xdr:cNvSpPr txBox="1"/>
      </xdr:nvSpPr>
      <xdr:spPr>
        <a:xfrm>
          <a:off x="17001567" y="6055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6</xdr:row>
      <xdr:rowOff>42943</xdr:rowOff>
    </xdr:from>
    <xdr:ext cx="469744" cy="259045"/>
    <xdr:sp macro="" textlink="">
      <xdr:nvSpPr>
        <xdr:cNvPr id="499" name="n_4aveValue【認定こども園・幼稚園・保育所】&#10;一人当たり面積"/>
        <xdr:cNvSpPr txBox="1"/>
      </xdr:nvSpPr>
      <xdr:spPr>
        <a:xfrm>
          <a:off x="16226867"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42689</xdr:rowOff>
    </xdr:from>
    <xdr:ext cx="469744" cy="259045"/>
    <xdr:sp macro="" textlink="">
      <xdr:nvSpPr>
        <xdr:cNvPr id="500" name="n_1mainValue【認定こども園・幼稚園・保育所】&#10;一人当たり面積"/>
        <xdr:cNvSpPr txBox="1"/>
      </xdr:nvSpPr>
      <xdr:spPr>
        <a:xfrm>
          <a:off x="18561127" y="6915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42689</xdr:rowOff>
    </xdr:from>
    <xdr:ext cx="469744" cy="259045"/>
    <xdr:sp macro="" textlink="">
      <xdr:nvSpPr>
        <xdr:cNvPr id="501" name="n_2mainValue【認定こども園・幼稚園・保育所】&#10;一人当たり面積"/>
        <xdr:cNvSpPr txBox="1"/>
      </xdr:nvSpPr>
      <xdr:spPr>
        <a:xfrm>
          <a:off x="17776267" y="6915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42689</xdr:rowOff>
    </xdr:from>
    <xdr:ext cx="469744" cy="259045"/>
    <xdr:sp macro="" textlink="">
      <xdr:nvSpPr>
        <xdr:cNvPr id="502" name="n_3mainValue【認定こども園・幼稚園・保育所】&#10;一人当たり面積"/>
        <xdr:cNvSpPr txBox="1"/>
      </xdr:nvSpPr>
      <xdr:spPr>
        <a:xfrm>
          <a:off x="17001567" y="6915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42689</xdr:rowOff>
    </xdr:from>
    <xdr:ext cx="469744" cy="259045"/>
    <xdr:sp macro="" textlink="">
      <xdr:nvSpPr>
        <xdr:cNvPr id="503" name="n_4mainValue【認定こども園・幼稚園・保育所】&#10;一人当たり面積"/>
        <xdr:cNvSpPr txBox="1"/>
      </xdr:nvSpPr>
      <xdr:spPr>
        <a:xfrm>
          <a:off x="16226867" y="6915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4" name="正方形/長方形 503"/>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5" name="正方形/長方形 504"/>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6" name="正方形/長方形 505"/>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7" name="正方形/長方形 506"/>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8" name="正方形/長方形 507"/>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9" name="正方形/長方形 508"/>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0" name="正方形/長方形 509"/>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1" name="正方形/長方形 510"/>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2" name="テキスト ボックス 511"/>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3" name="直線コネクタ 512"/>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4" name="テキスト ボックス 513"/>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5" name="直線コネクタ 514"/>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16" name="テキスト ボックス 515"/>
        <xdr:cNvSpPr txBox="1"/>
      </xdr:nvSpPr>
      <xdr:spPr>
        <a:xfrm>
          <a:off x="10602761" y="1072117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7" name="直線コネクタ 516"/>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18" name="テキスト ボックス 517"/>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19" name="直線コネクタ 518"/>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0" name="テキスト ボックス 519"/>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1" name="直線コネクタ 520"/>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2" name="テキスト ボックス 521"/>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3" name="直線コネクタ 522"/>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4" name="テキスト ボックス 523"/>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5" name="直線コネクタ 524"/>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26" name="テキスト ボックス 525"/>
        <xdr:cNvSpPr txBox="1"/>
      </xdr:nvSpPr>
      <xdr:spPr>
        <a:xfrm>
          <a:off x="10602761" y="912260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7" name="直線コネクタ 526"/>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8" name="テキスト ボックス 527"/>
        <xdr:cNvSpPr txBox="1"/>
      </xdr:nvSpPr>
      <xdr:spPr>
        <a:xfrm>
          <a:off x="1060276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9"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8783</xdr:rowOff>
    </xdr:from>
    <xdr:to>
      <xdr:col>85</xdr:col>
      <xdr:colOff>126364</xdr:colOff>
      <xdr:row>64</xdr:row>
      <xdr:rowOff>156754</xdr:rowOff>
    </xdr:to>
    <xdr:cxnSp macro="">
      <xdr:nvCxnSpPr>
        <xdr:cNvPr id="530" name="直線コネクタ 529"/>
        <xdr:cNvCxnSpPr/>
      </xdr:nvCxnSpPr>
      <xdr:spPr>
        <a:xfrm flipV="1">
          <a:off x="14375764" y="9446623"/>
          <a:ext cx="0" cy="14390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60581</xdr:rowOff>
    </xdr:from>
    <xdr:ext cx="405111" cy="259045"/>
    <xdr:sp macro="" textlink="">
      <xdr:nvSpPr>
        <xdr:cNvPr id="531" name="【学校施設】&#10;有形固定資産減価償却率最小値テキスト"/>
        <xdr:cNvSpPr txBox="1"/>
      </xdr:nvSpPr>
      <xdr:spPr>
        <a:xfrm>
          <a:off x="14414500" y="10889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56754</xdr:rowOff>
    </xdr:from>
    <xdr:to>
      <xdr:col>86</xdr:col>
      <xdr:colOff>25400</xdr:colOff>
      <xdr:row>64</xdr:row>
      <xdr:rowOff>156754</xdr:rowOff>
    </xdr:to>
    <xdr:cxnSp macro="">
      <xdr:nvCxnSpPr>
        <xdr:cNvPr id="532" name="直線コネクタ 531"/>
        <xdr:cNvCxnSpPr/>
      </xdr:nvCxnSpPr>
      <xdr:spPr>
        <a:xfrm>
          <a:off x="14287500" y="108857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5460</xdr:rowOff>
    </xdr:from>
    <xdr:ext cx="405111" cy="259045"/>
    <xdr:sp macro="" textlink="">
      <xdr:nvSpPr>
        <xdr:cNvPr id="533" name="【学校施設】&#10;有形固定資産減価償却率最大値テキスト"/>
        <xdr:cNvSpPr txBox="1"/>
      </xdr:nvSpPr>
      <xdr:spPr>
        <a:xfrm>
          <a:off x="14414500" y="92256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8783</xdr:rowOff>
    </xdr:from>
    <xdr:to>
      <xdr:col>86</xdr:col>
      <xdr:colOff>25400</xdr:colOff>
      <xdr:row>56</xdr:row>
      <xdr:rowOff>58783</xdr:rowOff>
    </xdr:to>
    <xdr:cxnSp macro="">
      <xdr:nvCxnSpPr>
        <xdr:cNvPr id="534" name="直線コネクタ 533"/>
        <xdr:cNvCxnSpPr/>
      </xdr:nvCxnSpPr>
      <xdr:spPr>
        <a:xfrm>
          <a:off x="14287500" y="944662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1937</xdr:rowOff>
    </xdr:from>
    <xdr:ext cx="405111" cy="259045"/>
    <xdr:sp macro="" textlink="">
      <xdr:nvSpPr>
        <xdr:cNvPr id="535" name="【学校施設】&#10;有形固定資産減価償却率平均値テキスト"/>
        <xdr:cNvSpPr txBox="1"/>
      </xdr:nvSpPr>
      <xdr:spPr>
        <a:xfrm>
          <a:off x="14414500" y="100126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43510</xdr:rowOff>
    </xdr:from>
    <xdr:to>
      <xdr:col>85</xdr:col>
      <xdr:colOff>177800</xdr:colOff>
      <xdr:row>60</xdr:row>
      <xdr:rowOff>73660</xdr:rowOff>
    </xdr:to>
    <xdr:sp macro="" textlink="">
      <xdr:nvSpPr>
        <xdr:cNvPr id="536" name="フローチャート: 判断 535"/>
        <xdr:cNvSpPr/>
      </xdr:nvSpPr>
      <xdr:spPr>
        <a:xfrm>
          <a:off x="14325600" y="1003427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4322</xdr:rowOff>
    </xdr:from>
    <xdr:to>
      <xdr:col>81</xdr:col>
      <xdr:colOff>101600</xdr:colOff>
      <xdr:row>60</xdr:row>
      <xdr:rowOff>34472</xdr:rowOff>
    </xdr:to>
    <xdr:sp macro="" textlink="">
      <xdr:nvSpPr>
        <xdr:cNvPr id="537" name="フローチャート: 判断 536"/>
        <xdr:cNvSpPr/>
      </xdr:nvSpPr>
      <xdr:spPr>
        <a:xfrm>
          <a:off x="13578840" y="99950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4727</xdr:rowOff>
    </xdr:from>
    <xdr:to>
      <xdr:col>76</xdr:col>
      <xdr:colOff>165100</xdr:colOff>
      <xdr:row>60</xdr:row>
      <xdr:rowOff>14877</xdr:rowOff>
    </xdr:to>
    <xdr:sp macro="" textlink="">
      <xdr:nvSpPr>
        <xdr:cNvPr id="538" name="フローチャート: 判断 537"/>
        <xdr:cNvSpPr/>
      </xdr:nvSpPr>
      <xdr:spPr>
        <a:xfrm>
          <a:off x="12804140" y="997548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65133</xdr:rowOff>
    </xdr:from>
    <xdr:to>
      <xdr:col>72</xdr:col>
      <xdr:colOff>38100</xdr:colOff>
      <xdr:row>59</xdr:row>
      <xdr:rowOff>166733</xdr:rowOff>
    </xdr:to>
    <xdr:sp macro="" textlink="">
      <xdr:nvSpPr>
        <xdr:cNvPr id="539" name="フローチャート: 判断 538"/>
        <xdr:cNvSpPr/>
      </xdr:nvSpPr>
      <xdr:spPr>
        <a:xfrm>
          <a:off x="12029440" y="995589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35741</xdr:rowOff>
    </xdr:from>
    <xdr:to>
      <xdr:col>67</xdr:col>
      <xdr:colOff>101600</xdr:colOff>
      <xdr:row>59</xdr:row>
      <xdr:rowOff>137341</xdr:rowOff>
    </xdr:to>
    <xdr:sp macro="" textlink="">
      <xdr:nvSpPr>
        <xdr:cNvPr id="540" name="フローチャート: 判断 539"/>
        <xdr:cNvSpPr/>
      </xdr:nvSpPr>
      <xdr:spPr>
        <a:xfrm>
          <a:off x="11231880" y="992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1" name="テキスト ボックス 540"/>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2" name="テキスト ボックス 541"/>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3" name="テキスト ボックス 542"/>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4" name="テキスト ボックス 543"/>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5" name="テキスト ボックス 544"/>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1462</xdr:rowOff>
    </xdr:from>
    <xdr:to>
      <xdr:col>85</xdr:col>
      <xdr:colOff>177800</xdr:colOff>
      <xdr:row>58</xdr:row>
      <xdr:rowOff>11612</xdr:rowOff>
    </xdr:to>
    <xdr:sp macro="" textlink="">
      <xdr:nvSpPr>
        <xdr:cNvPr id="546" name="楕円 545"/>
        <xdr:cNvSpPr/>
      </xdr:nvSpPr>
      <xdr:spPr>
        <a:xfrm>
          <a:off x="14325600" y="9636942"/>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04339</xdr:rowOff>
    </xdr:from>
    <xdr:ext cx="405111" cy="259045"/>
    <xdr:sp macro="" textlink="">
      <xdr:nvSpPr>
        <xdr:cNvPr id="547" name="【学校施設】&#10;有形固定資産減価償却率該当値テキスト"/>
        <xdr:cNvSpPr txBox="1"/>
      </xdr:nvSpPr>
      <xdr:spPr>
        <a:xfrm>
          <a:off x="14414500" y="94921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3084</xdr:rowOff>
    </xdr:from>
    <xdr:to>
      <xdr:col>81</xdr:col>
      <xdr:colOff>101600</xdr:colOff>
      <xdr:row>57</xdr:row>
      <xdr:rowOff>104684</xdr:rowOff>
    </xdr:to>
    <xdr:sp macro="" textlink="">
      <xdr:nvSpPr>
        <xdr:cNvPr id="548" name="楕円 547"/>
        <xdr:cNvSpPr/>
      </xdr:nvSpPr>
      <xdr:spPr>
        <a:xfrm>
          <a:off x="13578840" y="955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53884</xdr:rowOff>
    </xdr:from>
    <xdr:to>
      <xdr:col>85</xdr:col>
      <xdr:colOff>127000</xdr:colOff>
      <xdr:row>57</xdr:row>
      <xdr:rowOff>132262</xdr:rowOff>
    </xdr:to>
    <xdr:cxnSp macro="">
      <xdr:nvCxnSpPr>
        <xdr:cNvPr id="549" name="直線コネクタ 548"/>
        <xdr:cNvCxnSpPr/>
      </xdr:nvCxnSpPr>
      <xdr:spPr>
        <a:xfrm>
          <a:off x="13629640" y="9609364"/>
          <a:ext cx="746760" cy="78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02688</xdr:rowOff>
    </xdr:from>
    <xdr:to>
      <xdr:col>76</xdr:col>
      <xdr:colOff>165100</xdr:colOff>
      <xdr:row>57</xdr:row>
      <xdr:rowOff>32838</xdr:rowOff>
    </xdr:to>
    <xdr:sp macro="" textlink="">
      <xdr:nvSpPr>
        <xdr:cNvPr id="550" name="楕円 549"/>
        <xdr:cNvSpPr/>
      </xdr:nvSpPr>
      <xdr:spPr>
        <a:xfrm>
          <a:off x="12804140" y="94905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53488</xdr:rowOff>
    </xdr:from>
    <xdr:to>
      <xdr:col>81</xdr:col>
      <xdr:colOff>50800</xdr:colOff>
      <xdr:row>57</xdr:row>
      <xdr:rowOff>53884</xdr:rowOff>
    </xdr:to>
    <xdr:cxnSp macro="">
      <xdr:nvCxnSpPr>
        <xdr:cNvPr id="551" name="直線コネクタ 550"/>
        <xdr:cNvCxnSpPr/>
      </xdr:nvCxnSpPr>
      <xdr:spPr>
        <a:xfrm>
          <a:off x="12854940" y="9541328"/>
          <a:ext cx="774700" cy="68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0234</xdr:rowOff>
    </xdr:from>
    <xdr:to>
      <xdr:col>72</xdr:col>
      <xdr:colOff>38100</xdr:colOff>
      <xdr:row>56</xdr:row>
      <xdr:rowOff>161834</xdr:rowOff>
    </xdr:to>
    <xdr:sp macro="" textlink="">
      <xdr:nvSpPr>
        <xdr:cNvPr id="552" name="楕円 551"/>
        <xdr:cNvSpPr/>
      </xdr:nvSpPr>
      <xdr:spPr>
        <a:xfrm>
          <a:off x="12029440" y="944807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111034</xdr:rowOff>
    </xdr:from>
    <xdr:to>
      <xdr:col>76</xdr:col>
      <xdr:colOff>114300</xdr:colOff>
      <xdr:row>56</xdr:row>
      <xdr:rowOff>153488</xdr:rowOff>
    </xdr:to>
    <xdr:cxnSp macro="">
      <xdr:nvCxnSpPr>
        <xdr:cNvPr id="553" name="直線コネクタ 552"/>
        <xdr:cNvCxnSpPr/>
      </xdr:nvCxnSpPr>
      <xdr:spPr>
        <a:xfrm>
          <a:off x="12072620" y="9498874"/>
          <a:ext cx="78232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14515</xdr:rowOff>
    </xdr:from>
    <xdr:to>
      <xdr:col>67</xdr:col>
      <xdr:colOff>101600</xdr:colOff>
      <xdr:row>56</xdr:row>
      <xdr:rowOff>116115</xdr:rowOff>
    </xdr:to>
    <xdr:sp macro="" textlink="">
      <xdr:nvSpPr>
        <xdr:cNvPr id="554" name="楕円 553"/>
        <xdr:cNvSpPr/>
      </xdr:nvSpPr>
      <xdr:spPr>
        <a:xfrm>
          <a:off x="11231880" y="9402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65315</xdr:rowOff>
    </xdr:from>
    <xdr:to>
      <xdr:col>71</xdr:col>
      <xdr:colOff>177800</xdr:colOff>
      <xdr:row>56</xdr:row>
      <xdr:rowOff>111034</xdr:rowOff>
    </xdr:to>
    <xdr:cxnSp macro="">
      <xdr:nvCxnSpPr>
        <xdr:cNvPr id="555" name="直線コネクタ 554"/>
        <xdr:cNvCxnSpPr/>
      </xdr:nvCxnSpPr>
      <xdr:spPr>
        <a:xfrm>
          <a:off x="11282680" y="9453155"/>
          <a:ext cx="78994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25599</xdr:rowOff>
    </xdr:from>
    <xdr:ext cx="405111" cy="259045"/>
    <xdr:sp macro="" textlink="">
      <xdr:nvSpPr>
        <xdr:cNvPr id="556" name="n_1aveValue【学校施設】&#10;有形固定資産減価償却率"/>
        <xdr:cNvSpPr txBox="1"/>
      </xdr:nvSpPr>
      <xdr:spPr>
        <a:xfrm>
          <a:off x="13437244" y="10083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6004</xdr:rowOff>
    </xdr:from>
    <xdr:ext cx="405111" cy="259045"/>
    <xdr:sp macro="" textlink="">
      <xdr:nvSpPr>
        <xdr:cNvPr id="557" name="n_2aveValue【学校施設】&#10;有形固定資産減価償却率"/>
        <xdr:cNvSpPr txBox="1"/>
      </xdr:nvSpPr>
      <xdr:spPr>
        <a:xfrm>
          <a:off x="12675244" y="100644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57860</xdr:rowOff>
    </xdr:from>
    <xdr:ext cx="405111" cy="259045"/>
    <xdr:sp macro="" textlink="">
      <xdr:nvSpPr>
        <xdr:cNvPr id="558" name="n_3aveValue【学校施設】&#10;有形固定資産減価償却率"/>
        <xdr:cNvSpPr txBox="1"/>
      </xdr:nvSpPr>
      <xdr:spPr>
        <a:xfrm>
          <a:off x="11900544" y="100486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28468</xdr:rowOff>
    </xdr:from>
    <xdr:ext cx="405111" cy="259045"/>
    <xdr:sp macro="" textlink="">
      <xdr:nvSpPr>
        <xdr:cNvPr id="559" name="n_4aveValue【学校施設】&#10;有形固定資産減価償却率"/>
        <xdr:cNvSpPr txBox="1"/>
      </xdr:nvSpPr>
      <xdr:spPr>
        <a:xfrm>
          <a:off x="11102984" y="10019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121211</xdr:rowOff>
    </xdr:from>
    <xdr:ext cx="405111" cy="259045"/>
    <xdr:sp macro="" textlink="">
      <xdr:nvSpPr>
        <xdr:cNvPr id="560" name="n_1mainValue【学校施設】&#10;有形固定資産減価償却率"/>
        <xdr:cNvSpPr txBox="1"/>
      </xdr:nvSpPr>
      <xdr:spPr>
        <a:xfrm>
          <a:off x="13437244" y="9341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49365</xdr:rowOff>
    </xdr:from>
    <xdr:ext cx="405111" cy="259045"/>
    <xdr:sp macro="" textlink="">
      <xdr:nvSpPr>
        <xdr:cNvPr id="561" name="n_2mainValue【学校施設】&#10;有形固定資産減価償却率"/>
        <xdr:cNvSpPr txBox="1"/>
      </xdr:nvSpPr>
      <xdr:spPr>
        <a:xfrm>
          <a:off x="12675244" y="9269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6911</xdr:rowOff>
    </xdr:from>
    <xdr:ext cx="405111" cy="259045"/>
    <xdr:sp macro="" textlink="">
      <xdr:nvSpPr>
        <xdr:cNvPr id="562" name="n_3mainValue【学校施設】&#10;有形固定資産減価償却率"/>
        <xdr:cNvSpPr txBox="1"/>
      </xdr:nvSpPr>
      <xdr:spPr>
        <a:xfrm>
          <a:off x="11900544" y="9227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132642</xdr:rowOff>
    </xdr:from>
    <xdr:ext cx="405111" cy="259045"/>
    <xdr:sp macro="" textlink="">
      <xdr:nvSpPr>
        <xdr:cNvPr id="563" name="n_4mainValue【学校施設】&#10;有形固定資産減価償却率"/>
        <xdr:cNvSpPr txBox="1"/>
      </xdr:nvSpPr>
      <xdr:spPr>
        <a:xfrm>
          <a:off x="11102984" y="918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4" name="正方形/長方形 563"/>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5" name="正方形/長方形 564"/>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6" name="正方形/長方形 565"/>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7" name="正方形/長方形 566"/>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8" name="正方形/長方形 567"/>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9" name="正方形/長方形 568"/>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0" name="正方形/長方形 569"/>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1" name="正方形/長方形 570"/>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2" name="テキスト ボックス 571"/>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3" name="直線コネクタ 572"/>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74" name="直線コネクタ 573"/>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5" name="テキスト ボックス 574"/>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6" name="直線コネクタ 575"/>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7" name="テキスト ボックス 576"/>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78" name="直線コネクタ 577"/>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9</xdr:row>
      <xdr:rowOff>29227</xdr:rowOff>
    </xdr:from>
    <xdr:ext cx="531299" cy="259045"/>
    <xdr:sp macro="" textlink="">
      <xdr:nvSpPr>
        <xdr:cNvPr id="579" name="テキスト ボックス 578"/>
        <xdr:cNvSpPr txBox="1"/>
      </xdr:nvSpPr>
      <xdr:spPr>
        <a:xfrm>
          <a:off x="15630721" y="99199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0" name="直線コネクタ 579"/>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62577</xdr:rowOff>
    </xdr:from>
    <xdr:ext cx="531299" cy="259045"/>
    <xdr:sp macro="" textlink="">
      <xdr:nvSpPr>
        <xdr:cNvPr id="581" name="テキスト ボックス 580"/>
        <xdr:cNvSpPr txBox="1"/>
      </xdr:nvSpPr>
      <xdr:spPr>
        <a:xfrm>
          <a:off x="15630721" y="95504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2" name="直線コネクタ 581"/>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24477</xdr:rowOff>
    </xdr:from>
    <xdr:ext cx="531299" cy="259045"/>
    <xdr:sp macro="" textlink="">
      <xdr:nvSpPr>
        <xdr:cNvPr id="583" name="テキスト ボックス 582"/>
        <xdr:cNvSpPr txBox="1"/>
      </xdr:nvSpPr>
      <xdr:spPr>
        <a:xfrm>
          <a:off x="15630721" y="91770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4" name="直線コネクタ 583"/>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85" name="テキスト ボックス 584"/>
        <xdr:cNvSpPr txBox="1"/>
      </xdr:nvSpPr>
      <xdr:spPr>
        <a:xfrm>
          <a:off x="15630721" y="88036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6"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22251</xdr:rowOff>
    </xdr:from>
    <xdr:to>
      <xdr:col>116</xdr:col>
      <xdr:colOff>62864</xdr:colOff>
      <xdr:row>63</xdr:row>
      <xdr:rowOff>163906</xdr:rowOff>
    </xdr:to>
    <xdr:cxnSp macro="">
      <xdr:nvCxnSpPr>
        <xdr:cNvPr id="587" name="直線コネクタ 586"/>
        <xdr:cNvCxnSpPr/>
      </xdr:nvCxnSpPr>
      <xdr:spPr>
        <a:xfrm flipV="1">
          <a:off x="19509104" y="9242451"/>
          <a:ext cx="0" cy="14827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030</xdr:rowOff>
    </xdr:from>
    <xdr:ext cx="469744" cy="259045"/>
    <xdr:sp macro="" textlink="">
      <xdr:nvSpPr>
        <xdr:cNvPr id="588" name="【学校施設】&#10;一人当たり面積最小値テキスト"/>
        <xdr:cNvSpPr txBox="1"/>
      </xdr:nvSpPr>
      <xdr:spPr>
        <a:xfrm>
          <a:off x="19547840" y="10732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63906</xdr:rowOff>
    </xdr:from>
    <xdr:to>
      <xdr:col>116</xdr:col>
      <xdr:colOff>152400</xdr:colOff>
      <xdr:row>63</xdr:row>
      <xdr:rowOff>163906</xdr:rowOff>
    </xdr:to>
    <xdr:cxnSp macro="">
      <xdr:nvCxnSpPr>
        <xdr:cNvPr id="589" name="直線コネクタ 588"/>
        <xdr:cNvCxnSpPr/>
      </xdr:nvCxnSpPr>
      <xdr:spPr>
        <a:xfrm>
          <a:off x="19443700" y="1072522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40378</xdr:rowOff>
    </xdr:from>
    <xdr:ext cx="534377" cy="259045"/>
    <xdr:sp macro="" textlink="">
      <xdr:nvSpPr>
        <xdr:cNvPr id="590" name="【学校施設】&#10;一人当たり面積最大値テキスト"/>
        <xdr:cNvSpPr txBox="1"/>
      </xdr:nvSpPr>
      <xdr:spPr>
        <a:xfrm>
          <a:off x="19547840" y="9025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22251</xdr:rowOff>
    </xdr:from>
    <xdr:to>
      <xdr:col>116</xdr:col>
      <xdr:colOff>152400</xdr:colOff>
      <xdr:row>55</xdr:row>
      <xdr:rowOff>22251</xdr:rowOff>
    </xdr:to>
    <xdr:cxnSp macro="">
      <xdr:nvCxnSpPr>
        <xdr:cNvPr id="591" name="直線コネクタ 590"/>
        <xdr:cNvCxnSpPr/>
      </xdr:nvCxnSpPr>
      <xdr:spPr>
        <a:xfrm>
          <a:off x="19443700" y="924245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92930</xdr:rowOff>
    </xdr:from>
    <xdr:ext cx="469744" cy="259045"/>
    <xdr:sp macro="" textlink="">
      <xdr:nvSpPr>
        <xdr:cNvPr id="592" name="【学校施設】&#10;一人当たり面積平均値テキスト"/>
        <xdr:cNvSpPr txBox="1"/>
      </xdr:nvSpPr>
      <xdr:spPr>
        <a:xfrm>
          <a:off x="19547840" y="104866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70053</xdr:rowOff>
    </xdr:from>
    <xdr:to>
      <xdr:col>116</xdr:col>
      <xdr:colOff>114300</xdr:colOff>
      <xdr:row>64</xdr:row>
      <xdr:rowOff>203</xdr:rowOff>
    </xdr:to>
    <xdr:sp macro="" textlink="">
      <xdr:nvSpPr>
        <xdr:cNvPr id="593" name="フローチャート: 判断 592"/>
        <xdr:cNvSpPr/>
      </xdr:nvSpPr>
      <xdr:spPr>
        <a:xfrm>
          <a:off x="19458940" y="1063137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70434</xdr:rowOff>
    </xdr:from>
    <xdr:to>
      <xdr:col>112</xdr:col>
      <xdr:colOff>38100</xdr:colOff>
      <xdr:row>64</xdr:row>
      <xdr:rowOff>584</xdr:rowOff>
    </xdr:to>
    <xdr:sp macro="" textlink="">
      <xdr:nvSpPr>
        <xdr:cNvPr id="594" name="フローチャート: 判断 593"/>
        <xdr:cNvSpPr/>
      </xdr:nvSpPr>
      <xdr:spPr>
        <a:xfrm>
          <a:off x="18735040" y="1063175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73787</xdr:rowOff>
    </xdr:from>
    <xdr:to>
      <xdr:col>107</xdr:col>
      <xdr:colOff>101600</xdr:colOff>
      <xdr:row>64</xdr:row>
      <xdr:rowOff>3937</xdr:rowOff>
    </xdr:to>
    <xdr:sp macro="" textlink="">
      <xdr:nvSpPr>
        <xdr:cNvPr id="595" name="フローチャート: 判断 594"/>
        <xdr:cNvSpPr/>
      </xdr:nvSpPr>
      <xdr:spPr>
        <a:xfrm>
          <a:off x="17937480" y="1063510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75464</xdr:rowOff>
    </xdr:from>
    <xdr:to>
      <xdr:col>102</xdr:col>
      <xdr:colOff>165100</xdr:colOff>
      <xdr:row>64</xdr:row>
      <xdr:rowOff>5614</xdr:rowOff>
    </xdr:to>
    <xdr:sp macro="" textlink="">
      <xdr:nvSpPr>
        <xdr:cNvPr id="596" name="フローチャート: 判断 595"/>
        <xdr:cNvSpPr/>
      </xdr:nvSpPr>
      <xdr:spPr>
        <a:xfrm>
          <a:off x="17162780" y="1063678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77750</xdr:rowOff>
    </xdr:from>
    <xdr:to>
      <xdr:col>98</xdr:col>
      <xdr:colOff>38100</xdr:colOff>
      <xdr:row>64</xdr:row>
      <xdr:rowOff>7900</xdr:rowOff>
    </xdr:to>
    <xdr:sp macro="" textlink="">
      <xdr:nvSpPr>
        <xdr:cNvPr id="597" name="フローチャート: 判断 596"/>
        <xdr:cNvSpPr/>
      </xdr:nvSpPr>
      <xdr:spPr>
        <a:xfrm>
          <a:off x="16388080" y="106390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8" name="テキスト ボックス 597"/>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9" name="テキスト ボックス 598"/>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0" name="テキスト ボックス 599"/>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1" name="テキスト ボックス 600"/>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2" name="テキスト ボックス 601"/>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94514</xdr:rowOff>
    </xdr:from>
    <xdr:to>
      <xdr:col>116</xdr:col>
      <xdr:colOff>114300</xdr:colOff>
      <xdr:row>64</xdr:row>
      <xdr:rowOff>24664</xdr:rowOff>
    </xdr:to>
    <xdr:sp macro="" textlink="">
      <xdr:nvSpPr>
        <xdr:cNvPr id="603" name="楕円 602"/>
        <xdr:cNvSpPr/>
      </xdr:nvSpPr>
      <xdr:spPr>
        <a:xfrm>
          <a:off x="19458940" y="1065583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48481</xdr:rowOff>
    </xdr:from>
    <xdr:ext cx="469744" cy="259045"/>
    <xdr:sp macro="" textlink="">
      <xdr:nvSpPr>
        <xdr:cNvPr id="604" name="【学校施設】&#10;一人当たり面積該当値テキスト"/>
        <xdr:cNvSpPr txBox="1"/>
      </xdr:nvSpPr>
      <xdr:spPr>
        <a:xfrm>
          <a:off x="19547840" y="10609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95123</xdr:rowOff>
    </xdr:from>
    <xdr:to>
      <xdr:col>112</xdr:col>
      <xdr:colOff>38100</xdr:colOff>
      <xdr:row>64</xdr:row>
      <xdr:rowOff>25273</xdr:rowOff>
    </xdr:to>
    <xdr:sp macro="" textlink="">
      <xdr:nvSpPr>
        <xdr:cNvPr id="605" name="楕円 604"/>
        <xdr:cNvSpPr/>
      </xdr:nvSpPr>
      <xdr:spPr>
        <a:xfrm>
          <a:off x="18735040" y="1065644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45314</xdr:rowOff>
    </xdr:from>
    <xdr:to>
      <xdr:col>116</xdr:col>
      <xdr:colOff>63500</xdr:colOff>
      <xdr:row>63</xdr:row>
      <xdr:rowOff>145923</xdr:rowOff>
    </xdr:to>
    <xdr:cxnSp macro="">
      <xdr:nvCxnSpPr>
        <xdr:cNvPr id="606" name="直線コネクタ 605"/>
        <xdr:cNvCxnSpPr/>
      </xdr:nvCxnSpPr>
      <xdr:spPr>
        <a:xfrm flipV="1">
          <a:off x="18778220" y="10706634"/>
          <a:ext cx="731520" cy="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94894</xdr:rowOff>
    </xdr:from>
    <xdr:to>
      <xdr:col>107</xdr:col>
      <xdr:colOff>101600</xdr:colOff>
      <xdr:row>64</xdr:row>
      <xdr:rowOff>25044</xdr:rowOff>
    </xdr:to>
    <xdr:sp macro="" textlink="">
      <xdr:nvSpPr>
        <xdr:cNvPr id="607" name="楕円 606"/>
        <xdr:cNvSpPr/>
      </xdr:nvSpPr>
      <xdr:spPr>
        <a:xfrm>
          <a:off x="17937480" y="106562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45694</xdr:rowOff>
    </xdr:from>
    <xdr:to>
      <xdr:col>111</xdr:col>
      <xdr:colOff>177800</xdr:colOff>
      <xdr:row>63</xdr:row>
      <xdr:rowOff>145923</xdr:rowOff>
    </xdr:to>
    <xdr:cxnSp macro="">
      <xdr:nvCxnSpPr>
        <xdr:cNvPr id="608" name="直線コネクタ 607"/>
        <xdr:cNvCxnSpPr/>
      </xdr:nvCxnSpPr>
      <xdr:spPr>
        <a:xfrm>
          <a:off x="17988280" y="10707014"/>
          <a:ext cx="78994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94894</xdr:rowOff>
    </xdr:from>
    <xdr:to>
      <xdr:col>102</xdr:col>
      <xdr:colOff>165100</xdr:colOff>
      <xdr:row>64</xdr:row>
      <xdr:rowOff>25044</xdr:rowOff>
    </xdr:to>
    <xdr:sp macro="" textlink="">
      <xdr:nvSpPr>
        <xdr:cNvPr id="609" name="楕円 608"/>
        <xdr:cNvSpPr/>
      </xdr:nvSpPr>
      <xdr:spPr>
        <a:xfrm>
          <a:off x="17162780" y="106562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45694</xdr:rowOff>
    </xdr:from>
    <xdr:to>
      <xdr:col>107</xdr:col>
      <xdr:colOff>50800</xdr:colOff>
      <xdr:row>63</xdr:row>
      <xdr:rowOff>145694</xdr:rowOff>
    </xdr:to>
    <xdr:cxnSp macro="">
      <xdr:nvCxnSpPr>
        <xdr:cNvPr id="610" name="直線コネクタ 609"/>
        <xdr:cNvCxnSpPr/>
      </xdr:nvCxnSpPr>
      <xdr:spPr>
        <a:xfrm>
          <a:off x="17213580" y="1070701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94971</xdr:rowOff>
    </xdr:from>
    <xdr:to>
      <xdr:col>98</xdr:col>
      <xdr:colOff>38100</xdr:colOff>
      <xdr:row>64</xdr:row>
      <xdr:rowOff>25121</xdr:rowOff>
    </xdr:to>
    <xdr:sp macro="" textlink="">
      <xdr:nvSpPr>
        <xdr:cNvPr id="611" name="楕円 610"/>
        <xdr:cNvSpPr/>
      </xdr:nvSpPr>
      <xdr:spPr>
        <a:xfrm>
          <a:off x="16388080" y="1065629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45694</xdr:rowOff>
    </xdr:from>
    <xdr:to>
      <xdr:col>102</xdr:col>
      <xdr:colOff>114300</xdr:colOff>
      <xdr:row>63</xdr:row>
      <xdr:rowOff>145771</xdr:rowOff>
    </xdr:to>
    <xdr:cxnSp macro="">
      <xdr:nvCxnSpPr>
        <xdr:cNvPr id="612" name="直線コネクタ 611"/>
        <xdr:cNvCxnSpPr/>
      </xdr:nvCxnSpPr>
      <xdr:spPr>
        <a:xfrm flipV="1">
          <a:off x="16431260" y="10707014"/>
          <a:ext cx="782320" cy="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7111</xdr:rowOff>
    </xdr:from>
    <xdr:ext cx="469744" cy="259045"/>
    <xdr:sp macro="" textlink="">
      <xdr:nvSpPr>
        <xdr:cNvPr id="613" name="n_1aveValue【学校施設】&#10;一人当たり面積"/>
        <xdr:cNvSpPr txBox="1"/>
      </xdr:nvSpPr>
      <xdr:spPr>
        <a:xfrm>
          <a:off x="18561127" y="10410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20464</xdr:rowOff>
    </xdr:from>
    <xdr:ext cx="469744" cy="259045"/>
    <xdr:sp macro="" textlink="">
      <xdr:nvSpPr>
        <xdr:cNvPr id="614" name="n_2aveValue【学校施設】&#10;一人当たり面積"/>
        <xdr:cNvSpPr txBox="1"/>
      </xdr:nvSpPr>
      <xdr:spPr>
        <a:xfrm>
          <a:off x="17776267" y="10414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22141</xdr:rowOff>
    </xdr:from>
    <xdr:ext cx="469744" cy="259045"/>
    <xdr:sp macro="" textlink="">
      <xdr:nvSpPr>
        <xdr:cNvPr id="615" name="n_3aveValue【学校施設】&#10;一人当たり面積"/>
        <xdr:cNvSpPr txBox="1"/>
      </xdr:nvSpPr>
      <xdr:spPr>
        <a:xfrm>
          <a:off x="17001567" y="10415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24427</xdr:rowOff>
    </xdr:from>
    <xdr:ext cx="469744" cy="259045"/>
    <xdr:sp macro="" textlink="">
      <xdr:nvSpPr>
        <xdr:cNvPr id="616" name="n_4aveValue【学校施設】&#10;一人当たり面積"/>
        <xdr:cNvSpPr txBox="1"/>
      </xdr:nvSpPr>
      <xdr:spPr>
        <a:xfrm>
          <a:off x="16226867" y="10418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6400</xdr:rowOff>
    </xdr:from>
    <xdr:ext cx="469744" cy="259045"/>
    <xdr:sp macro="" textlink="">
      <xdr:nvSpPr>
        <xdr:cNvPr id="617" name="n_1mainValue【学校施設】&#10;一人当たり面積"/>
        <xdr:cNvSpPr txBox="1"/>
      </xdr:nvSpPr>
      <xdr:spPr>
        <a:xfrm>
          <a:off x="18561127" y="107453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6171</xdr:rowOff>
    </xdr:from>
    <xdr:ext cx="469744" cy="259045"/>
    <xdr:sp macro="" textlink="">
      <xdr:nvSpPr>
        <xdr:cNvPr id="618" name="n_2mainValue【学校施設】&#10;一人当たり面積"/>
        <xdr:cNvSpPr txBox="1"/>
      </xdr:nvSpPr>
      <xdr:spPr>
        <a:xfrm>
          <a:off x="17776267" y="10745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6171</xdr:rowOff>
    </xdr:from>
    <xdr:ext cx="469744" cy="259045"/>
    <xdr:sp macro="" textlink="">
      <xdr:nvSpPr>
        <xdr:cNvPr id="619" name="n_3mainValue【学校施設】&#10;一人当たり面積"/>
        <xdr:cNvSpPr txBox="1"/>
      </xdr:nvSpPr>
      <xdr:spPr>
        <a:xfrm>
          <a:off x="17001567" y="10745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6248</xdr:rowOff>
    </xdr:from>
    <xdr:ext cx="469744" cy="259045"/>
    <xdr:sp macro="" textlink="">
      <xdr:nvSpPr>
        <xdr:cNvPr id="620" name="n_4mainValue【学校施設】&#10;一人当たり面積"/>
        <xdr:cNvSpPr txBox="1"/>
      </xdr:nvSpPr>
      <xdr:spPr>
        <a:xfrm>
          <a:off x="16226867" y="10745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1" name="正方形/長方形 620"/>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2" name="正方形/長方形 621"/>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3" name="正方形/長方形 622"/>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4" name="正方形/長方形 623"/>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5" name="正方形/長方形 624"/>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6" name="正方形/長方形 625"/>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7" name="正方形/長方形 626"/>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8" name="正方形/長方形 627"/>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9" name="正方形/長方形 628"/>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0" name="正方形/長方形 629"/>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1" name="正方形/長方形 630"/>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2" name="正方形/長方形 631"/>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3" name="正方形/長方形 632"/>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4" name="正方形/長方形 633"/>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5" name="正方形/長方形 634"/>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6" name="正方形/長方形 635"/>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7" name="正方形/長方形 636"/>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8" name="正方形/長方形 637"/>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9" name="正方形/長方形 638"/>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0" name="正方形/長方形 639"/>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1" name="正方形/長方形 640"/>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2" name="正方形/長方形 641"/>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3" name="正方形/長方形 642"/>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4" name="正方形/長方形 643"/>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5" name="テキスト ボックス 644"/>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6" name="直線コネクタ 645"/>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7" name="テキスト ボックス 646"/>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48" name="直線コネクタ 647"/>
        <xdr:cNvCxnSpPr/>
      </xdr:nvCxnSpPr>
      <xdr:spPr>
        <a:xfrm>
          <a:off x="10960100" y="182575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49" name="テキスト ボックス 648"/>
        <xdr:cNvSpPr txBox="1"/>
      </xdr:nvSpPr>
      <xdr:spPr>
        <a:xfrm>
          <a:off x="105615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0" name="直線コネクタ 649"/>
        <xdr:cNvCxnSpPr/>
      </xdr:nvCxnSpPr>
      <xdr:spPr>
        <a:xfrm>
          <a:off x="10960100" y="178841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1" name="テキスト ボックス 650"/>
        <xdr:cNvSpPr txBox="1"/>
      </xdr:nvSpPr>
      <xdr:spPr>
        <a:xfrm>
          <a:off x="1060276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2" name="直線コネクタ 651"/>
        <xdr:cNvCxnSpPr/>
      </xdr:nvCxnSpPr>
      <xdr:spPr>
        <a:xfrm>
          <a:off x="10960100" y="175107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3" name="テキスト ボックス 652"/>
        <xdr:cNvSpPr txBox="1"/>
      </xdr:nvSpPr>
      <xdr:spPr>
        <a:xfrm>
          <a:off x="1060276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4" name="直線コネクタ 653"/>
        <xdr:cNvCxnSpPr/>
      </xdr:nvCxnSpPr>
      <xdr:spPr>
        <a:xfrm>
          <a:off x="10960100" y="171373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5" name="テキスト ボックス 654"/>
        <xdr:cNvSpPr txBox="1"/>
      </xdr:nvSpPr>
      <xdr:spPr>
        <a:xfrm>
          <a:off x="1060276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6" name="直線コネクタ 655"/>
        <xdr:cNvCxnSpPr/>
      </xdr:nvCxnSpPr>
      <xdr:spPr>
        <a:xfrm>
          <a:off x="10960100" y="167640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57" name="テキスト ボックス 656"/>
        <xdr:cNvSpPr txBox="1"/>
      </xdr:nvSpPr>
      <xdr:spPr>
        <a:xfrm>
          <a:off x="10602761" y="166255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8" name="直線コネクタ 657"/>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59" name="テキスト ボックス 658"/>
        <xdr:cNvSpPr txBox="1"/>
      </xdr:nvSpPr>
      <xdr:spPr>
        <a:xfrm>
          <a:off x="10666881" y="1625601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0" name="【公民館】&#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19050</xdr:rowOff>
    </xdr:from>
    <xdr:to>
      <xdr:col>85</xdr:col>
      <xdr:colOff>126364</xdr:colOff>
      <xdr:row>108</xdr:row>
      <xdr:rowOff>83820</xdr:rowOff>
    </xdr:to>
    <xdr:cxnSp macro="">
      <xdr:nvCxnSpPr>
        <xdr:cNvPr id="661" name="直線コネクタ 660"/>
        <xdr:cNvCxnSpPr/>
      </xdr:nvCxnSpPr>
      <xdr:spPr>
        <a:xfrm flipV="1">
          <a:off x="14375764" y="1695069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87647</xdr:rowOff>
    </xdr:from>
    <xdr:ext cx="405111" cy="259045"/>
    <xdr:sp macro="" textlink="">
      <xdr:nvSpPr>
        <xdr:cNvPr id="662" name="【公民館】&#10;有形固定資産減価償却率最小値テキスト"/>
        <xdr:cNvSpPr txBox="1"/>
      </xdr:nvSpPr>
      <xdr:spPr>
        <a:xfrm>
          <a:off x="14414500" y="18192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83820</xdr:rowOff>
    </xdr:from>
    <xdr:to>
      <xdr:col>86</xdr:col>
      <xdr:colOff>25400</xdr:colOff>
      <xdr:row>108</xdr:row>
      <xdr:rowOff>83820</xdr:rowOff>
    </xdr:to>
    <xdr:cxnSp macro="">
      <xdr:nvCxnSpPr>
        <xdr:cNvPr id="663" name="直線コネクタ 662"/>
        <xdr:cNvCxnSpPr/>
      </xdr:nvCxnSpPr>
      <xdr:spPr>
        <a:xfrm>
          <a:off x="14287500" y="181889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37177</xdr:rowOff>
    </xdr:from>
    <xdr:ext cx="405111" cy="259045"/>
    <xdr:sp macro="" textlink="">
      <xdr:nvSpPr>
        <xdr:cNvPr id="664" name="【公民館】&#10;有形固定資産減価償却率最大値テキスト"/>
        <xdr:cNvSpPr txBox="1"/>
      </xdr:nvSpPr>
      <xdr:spPr>
        <a:xfrm>
          <a:off x="14414500" y="16733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19050</xdr:rowOff>
    </xdr:from>
    <xdr:to>
      <xdr:col>86</xdr:col>
      <xdr:colOff>25400</xdr:colOff>
      <xdr:row>101</xdr:row>
      <xdr:rowOff>19050</xdr:rowOff>
    </xdr:to>
    <xdr:cxnSp macro="">
      <xdr:nvCxnSpPr>
        <xdr:cNvPr id="665" name="直線コネクタ 664"/>
        <xdr:cNvCxnSpPr/>
      </xdr:nvCxnSpPr>
      <xdr:spPr>
        <a:xfrm>
          <a:off x="14287500" y="169506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1447</xdr:rowOff>
    </xdr:from>
    <xdr:ext cx="405111" cy="259045"/>
    <xdr:sp macro="" textlink="">
      <xdr:nvSpPr>
        <xdr:cNvPr id="666" name="【公民館】&#10;有形固定資産減価償却率平均値テキスト"/>
        <xdr:cNvSpPr txBox="1"/>
      </xdr:nvSpPr>
      <xdr:spPr>
        <a:xfrm>
          <a:off x="14414500" y="174460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3020</xdr:rowOff>
    </xdr:from>
    <xdr:to>
      <xdr:col>85</xdr:col>
      <xdr:colOff>177800</xdr:colOff>
      <xdr:row>104</xdr:row>
      <xdr:rowOff>134620</xdr:rowOff>
    </xdr:to>
    <xdr:sp macro="" textlink="">
      <xdr:nvSpPr>
        <xdr:cNvPr id="667" name="フローチャート: 判断 666"/>
        <xdr:cNvSpPr/>
      </xdr:nvSpPr>
      <xdr:spPr>
        <a:xfrm>
          <a:off x="14325600" y="1746758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970</xdr:rowOff>
    </xdr:from>
    <xdr:to>
      <xdr:col>81</xdr:col>
      <xdr:colOff>101600</xdr:colOff>
      <xdr:row>104</xdr:row>
      <xdr:rowOff>115570</xdr:rowOff>
    </xdr:to>
    <xdr:sp macro="" textlink="">
      <xdr:nvSpPr>
        <xdr:cNvPr id="668" name="フローチャート: 判断 667"/>
        <xdr:cNvSpPr/>
      </xdr:nvSpPr>
      <xdr:spPr>
        <a:xfrm>
          <a:off x="13578840" y="17448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53036</xdr:rowOff>
    </xdr:from>
    <xdr:to>
      <xdr:col>76</xdr:col>
      <xdr:colOff>165100</xdr:colOff>
      <xdr:row>104</xdr:row>
      <xdr:rowOff>83186</xdr:rowOff>
    </xdr:to>
    <xdr:sp macro="" textlink="">
      <xdr:nvSpPr>
        <xdr:cNvPr id="669" name="フローチャート: 判断 668"/>
        <xdr:cNvSpPr/>
      </xdr:nvSpPr>
      <xdr:spPr>
        <a:xfrm>
          <a:off x="12804140" y="174199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35889</xdr:rowOff>
    </xdr:from>
    <xdr:to>
      <xdr:col>72</xdr:col>
      <xdr:colOff>38100</xdr:colOff>
      <xdr:row>104</xdr:row>
      <xdr:rowOff>66039</xdr:rowOff>
    </xdr:to>
    <xdr:sp macro="" textlink="">
      <xdr:nvSpPr>
        <xdr:cNvPr id="670" name="フローチャート: 判断 669"/>
        <xdr:cNvSpPr/>
      </xdr:nvSpPr>
      <xdr:spPr>
        <a:xfrm>
          <a:off x="12029440" y="1740280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20650</xdr:rowOff>
    </xdr:from>
    <xdr:to>
      <xdr:col>67</xdr:col>
      <xdr:colOff>101600</xdr:colOff>
      <xdr:row>104</xdr:row>
      <xdr:rowOff>50800</xdr:rowOff>
    </xdr:to>
    <xdr:sp macro="" textlink="">
      <xdr:nvSpPr>
        <xdr:cNvPr id="671" name="フローチャート: 判断 670"/>
        <xdr:cNvSpPr/>
      </xdr:nvSpPr>
      <xdr:spPr>
        <a:xfrm>
          <a:off x="11231880" y="173875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2" name="テキスト ボックス 671"/>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3" name="テキスト ボックス 672"/>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4" name="テキスト ボックス 673"/>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5" name="テキスト ボックス 674"/>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6" name="テキスト ボックス 675"/>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30175</xdr:rowOff>
    </xdr:from>
    <xdr:to>
      <xdr:col>85</xdr:col>
      <xdr:colOff>177800</xdr:colOff>
      <xdr:row>104</xdr:row>
      <xdr:rowOff>60325</xdr:rowOff>
    </xdr:to>
    <xdr:sp macro="" textlink="">
      <xdr:nvSpPr>
        <xdr:cNvPr id="677" name="楕円 676"/>
        <xdr:cNvSpPr/>
      </xdr:nvSpPr>
      <xdr:spPr>
        <a:xfrm>
          <a:off x="14325600" y="1739709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153052</xdr:rowOff>
    </xdr:from>
    <xdr:ext cx="405111" cy="259045"/>
    <xdr:sp macro="" textlink="">
      <xdr:nvSpPr>
        <xdr:cNvPr id="678" name="【公民館】&#10;有形固定資産減価償却率該当値テキスト"/>
        <xdr:cNvSpPr txBox="1"/>
      </xdr:nvSpPr>
      <xdr:spPr>
        <a:xfrm>
          <a:off x="14414500" y="17252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95886</xdr:rowOff>
    </xdr:from>
    <xdr:to>
      <xdr:col>81</xdr:col>
      <xdr:colOff>101600</xdr:colOff>
      <xdr:row>104</xdr:row>
      <xdr:rowOff>26036</xdr:rowOff>
    </xdr:to>
    <xdr:sp macro="" textlink="">
      <xdr:nvSpPr>
        <xdr:cNvPr id="679" name="楕円 678"/>
        <xdr:cNvSpPr/>
      </xdr:nvSpPr>
      <xdr:spPr>
        <a:xfrm>
          <a:off x="13578840" y="1736280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146686</xdr:rowOff>
    </xdr:from>
    <xdr:to>
      <xdr:col>85</xdr:col>
      <xdr:colOff>127000</xdr:colOff>
      <xdr:row>104</xdr:row>
      <xdr:rowOff>9525</xdr:rowOff>
    </xdr:to>
    <xdr:cxnSp macro="">
      <xdr:nvCxnSpPr>
        <xdr:cNvPr id="680" name="直線コネクタ 679"/>
        <xdr:cNvCxnSpPr/>
      </xdr:nvCxnSpPr>
      <xdr:spPr>
        <a:xfrm>
          <a:off x="13629640" y="17413606"/>
          <a:ext cx="746760" cy="30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57786</xdr:rowOff>
    </xdr:from>
    <xdr:to>
      <xdr:col>76</xdr:col>
      <xdr:colOff>165100</xdr:colOff>
      <xdr:row>103</xdr:row>
      <xdr:rowOff>159386</xdr:rowOff>
    </xdr:to>
    <xdr:sp macro="" textlink="">
      <xdr:nvSpPr>
        <xdr:cNvPr id="681" name="楕円 680"/>
        <xdr:cNvSpPr/>
      </xdr:nvSpPr>
      <xdr:spPr>
        <a:xfrm>
          <a:off x="12804140" y="17324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08586</xdr:rowOff>
    </xdr:from>
    <xdr:to>
      <xdr:col>81</xdr:col>
      <xdr:colOff>50800</xdr:colOff>
      <xdr:row>103</xdr:row>
      <xdr:rowOff>146686</xdr:rowOff>
    </xdr:to>
    <xdr:cxnSp macro="">
      <xdr:nvCxnSpPr>
        <xdr:cNvPr id="682" name="直線コネクタ 681"/>
        <xdr:cNvCxnSpPr/>
      </xdr:nvCxnSpPr>
      <xdr:spPr>
        <a:xfrm>
          <a:off x="12854940" y="17375506"/>
          <a:ext cx="7747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9686</xdr:rowOff>
    </xdr:from>
    <xdr:to>
      <xdr:col>72</xdr:col>
      <xdr:colOff>38100</xdr:colOff>
      <xdr:row>103</xdr:row>
      <xdr:rowOff>121286</xdr:rowOff>
    </xdr:to>
    <xdr:sp macro="" textlink="">
      <xdr:nvSpPr>
        <xdr:cNvPr id="683" name="楕円 682"/>
        <xdr:cNvSpPr/>
      </xdr:nvSpPr>
      <xdr:spPr>
        <a:xfrm>
          <a:off x="12029440" y="1728660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70486</xdr:rowOff>
    </xdr:from>
    <xdr:to>
      <xdr:col>76</xdr:col>
      <xdr:colOff>114300</xdr:colOff>
      <xdr:row>103</xdr:row>
      <xdr:rowOff>108586</xdr:rowOff>
    </xdr:to>
    <xdr:cxnSp macro="">
      <xdr:nvCxnSpPr>
        <xdr:cNvPr id="684" name="直線コネクタ 683"/>
        <xdr:cNvCxnSpPr/>
      </xdr:nvCxnSpPr>
      <xdr:spPr>
        <a:xfrm>
          <a:off x="12072620" y="17337406"/>
          <a:ext cx="78232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160655</xdr:rowOff>
    </xdr:from>
    <xdr:to>
      <xdr:col>67</xdr:col>
      <xdr:colOff>101600</xdr:colOff>
      <xdr:row>103</xdr:row>
      <xdr:rowOff>90805</xdr:rowOff>
    </xdr:to>
    <xdr:sp macro="" textlink="">
      <xdr:nvSpPr>
        <xdr:cNvPr id="685" name="楕円 684"/>
        <xdr:cNvSpPr/>
      </xdr:nvSpPr>
      <xdr:spPr>
        <a:xfrm>
          <a:off x="11231880" y="1725993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40005</xdr:rowOff>
    </xdr:from>
    <xdr:to>
      <xdr:col>71</xdr:col>
      <xdr:colOff>177800</xdr:colOff>
      <xdr:row>103</xdr:row>
      <xdr:rowOff>70486</xdr:rowOff>
    </xdr:to>
    <xdr:cxnSp macro="">
      <xdr:nvCxnSpPr>
        <xdr:cNvPr id="686" name="直線コネクタ 685"/>
        <xdr:cNvCxnSpPr/>
      </xdr:nvCxnSpPr>
      <xdr:spPr>
        <a:xfrm>
          <a:off x="11282680" y="17306925"/>
          <a:ext cx="78994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06697</xdr:rowOff>
    </xdr:from>
    <xdr:ext cx="405111" cy="259045"/>
    <xdr:sp macro="" textlink="">
      <xdr:nvSpPr>
        <xdr:cNvPr id="687" name="n_1aveValue【公民館】&#10;有形固定資産減価償却率"/>
        <xdr:cNvSpPr txBox="1"/>
      </xdr:nvSpPr>
      <xdr:spPr>
        <a:xfrm>
          <a:off x="13437244" y="17541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74313</xdr:rowOff>
    </xdr:from>
    <xdr:ext cx="405111" cy="259045"/>
    <xdr:sp macro="" textlink="">
      <xdr:nvSpPr>
        <xdr:cNvPr id="688" name="n_2aveValue【公民館】&#10;有形固定資産減価償却率"/>
        <xdr:cNvSpPr txBox="1"/>
      </xdr:nvSpPr>
      <xdr:spPr>
        <a:xfrm>
          <a:off x="12675244" y="175088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57166</xdr:rowOff>
    </xdr:from>
    <xdr:ext cx="405111" cy="259045"/>
    <xdr:sp macro="" textlink="">
      <xdr:nvSpPr>
        <xdr:cNvPr id="689" name="n_3aveValue【公民館】&#10;有形固定資産減価償却率"/>
        <xdr:cNvSpPr txBox="1"/>
      </xdr:nvSpPr>
      <xdr:spPr>
        <a:xfrm>
          <a:off x="11900544" y="174917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41927</xdr:rowOff>
    </xdr:from>
    <xdr:ext cx="405111" cy="259045"/>
    <xdr:sp macro="" textlink="">
      <xdr:nvSpPr>
        <xdr:cNvPr id="690" name="n_4aveValue【公民館】&#10;有形固定資産減価償却率"/>
        <xdr:cNvSpPr txBox="1"/>
      </xdr:nvSpPr>
      <xdr:spPr>
        <a:xfrm>
          <a:off x="11102984" y="17476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42563</xdr:rowOff>
    </xdr:from>
    <xdr:ext cx="405111" cy="259045"/>
    <xdr:sp macro="" textlink="">
      <xdr:nvSpPr>
        <xdr:cNvPr id="691" name="n_1mainValue【公民館】&#10;有形固定資産減価償却率"/>
        <xdr:cNvSpPr txBox="1"/>
      </xdr:nvSpPr>
      <xdr:spPr>
        <a:xfrm>
          <a:off x="13437244" y="17141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4463</xdr:rowOff>
    </xdr:from>
    <xdr:ext cx="405111" cy="259045"/>
    <xdr:sp macro="" textlink="">
      <xdr:nvSpPr>
        <xdr:cNvPr id="692" name="n_2mainValue【公民館】&#10;有形固定資産減価償却率"/>
        <xdr:cNvSpPr txBox="1"/>
      </xdr:nvSpPr>
      <xdr:spPr>
        <a:xfrm>
          <a:off x="12675244" y="171037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37813</xdr:rowOff>
    </xdr:from>
    <xdr:ext cx="405111" cy="259045"/>
    <xdr:sp macro="" textlink="">
      <xdr:nvSpPr>
        <xdr:cNvPr id="693" name="n_3mainValue【公民館】&#10;有形固定資産減価償却率"/>
        <xdr:cNvSpPr txBox="1"/>
      </xdr:nvSpPr>
      <xdr:spPr>
        <a:xfrm>
          <a:off x="11900544" y="17069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07332</xdr:rowOff>
    </xdr:from>
    <xdr:ext cx="405111" cy="259045"/>
    <xdr:sp macro="" textlink="">
      <xdr:nvSpPr>
        <xdr:cNvPr id="694" name="n_4mainValue【公民館】&#10;有形固定資産減価償却率"/>
        <xdr:cNvSpPr txBox="1"/>
      </xdr:nvSpPr>
      <xdr:spPr>
        <a:xfrm>
          <a:off x="11102984" y="1703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5" name="正方形/長方形 694"/>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6" name="正方形/長方形 695"/>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7" name="正方形/長方形 696"/>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8" name="正方形/長方形 697"/>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9" name="正方形/長方形 698"/>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0" name="正方形/長方形 699"/>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1" name="正方形/長方形 700"/>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2" name="正方形/長方形 701"/>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3" name="テキスト ボックス 702"/>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4" name="直線コネクタ 703"/>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705" name="直線コネクタ 704"/>
        <xdr:cNvCxnSpPr/>
      </xdr:nvCxnSpPr>
      <xdr:spPr>
        <a:xfrm>
          <a:off x="16093440" y="181813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706" name="テキスト ボックス 705"/>
        <xdr:cNvSpPr txBox="1"/>
      </xdr:nvSpPr>
      <xdr:spPr>
        <a:xfrm>
          <a:off x="15694841" y="180429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707" name="直線コネクタ 706"/>
        <xdr:cNvCxnSpPr/>
      </xdr:nvCxnSpPr>
      <xdr:spPr>
        <a:xfrm>
          <a:off x="16093440" y="177355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708" name="テキスト ボックス 707"/>
        <xdr:cNvSpPr txBox="1"/>
      </xdr:nvSpPr>
      <xdr:spPr>
        <a:xfrm>
          <a:off x="15694841" y="175971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709" name="直線コネクタ 708"/>
        <xdr:cNvCxnSpPr/>
      </xdr:nvCxnSpPr>
      <xdr:spPr>
        <a:xfrm>
          <a:off x="16093440" y="172859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710" name="テキスト ボックス 709"/>
        <xdr:cNvSpPr txBox="1"/>
      </xdr:nvSpPr>
      <xdr:spPr>
        <a:xfrm>
          <a:off x="15694841" y="171475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711" name="直線コネクタ 710"/>
        <xdr:cNvCxnSpPr/>
      </xdr:nvCxnSpPr>
      <xdr:spPr>
        <a:xfrm>
          <a:off x="16093440" y="16840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712" name="テキスト ボックス 711"/>
        <xdr:cNvSpPr txBox="1"/>
      </xdr:nvSpPr>
      <xdr:spPr>
        <a:xfrm>
          <a:off x="15694841" y="16701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3" name="直線コネクタ 712"/>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4" name="テキスト ボックス 713"/>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5" name="【公民館】&#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67056</xdr:rowOff>
    </xdr:from>
    <xdr:to>
      <xdr:col>116</xdr:col>
      <xdr:colOff>62864</xdr:colOff>
      <xdr:row>108</xdr:row>
      <xdr:rowOff>62485</xdr:rowOff>
    </xdr:to>
    <xdr:cxnSp macro="">
      <xdr:nvCxnSpPr>
        <xdr:cNvPr id="716" name="直線コネクタ 715"/>
        <xdr:cNvCxnSpPr/>
      </xdr:nvCxnSpPr>
      <xdr:spPr>
        <a:xfrm flipV="1">
          <a:off x="19509104" y="16831056"/>
          <a:ext cx="0" cy="13365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66312</xdr:rowOff>
    </xdr:from>
    <xdr:ext cx="469744" cy="259045"/>
    <xdr:sp macro="" textlink="">
      <xdr:nvSpPr>
        <xdr:cNvPr id="717" name="【公民館】&#10;一人当たり面積最小値テキスト"/>
        <xdr:cNvSpPr txBox="1"/>
      </xdr:nvSpPr>
      <xdr:spPr>
        <a:xfrm>
          <a:off x="19547840" y="18171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62485</xdr:rowOff>
    </xdr:from>
    <xdr:to>
      <xdr:col>116</xdr:col>
      <xdr:colOff>152400</xdr:colOff>
      <xdr:row>108</xdr:row>
      <xdr:rowOff>62485</xdr:rowOff>
    </xdr:to>
    <xdr:cxnSp macro="">
      <xdr:nvCxnSpPr>
        <xdr:cNvPr id="718" name="直線コネクタ 717"/>
        <xdr:cNvCxnSpPr/>
      </xdr:nvCxnSpPr>
      <xdr:spPr>
        <a:xfrm>
          <a:off x="19443700" y="1816760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3733</xdr:rowOff>
    </xdr:from>
    <xdr:ext cx="469744" cy="259045"/>
    <xdr:sp macro="" textlink="">
      <xdr:nvSpPr>
        <xdr:cNvPr id="719" name="【公民館】&#10;一人当たり面積最大値テキスト"/>
        <xdr:cNvSpPr txBox="1"/>
      </xdr:nvSpPr>
      <xdr:spPr>
        <a:xfrm>
          <a:off x="19547840" y="16610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67056</xdr:rowOff>
    </xdr:from>
    <xdr:to>
      <xdr:col>116</xdr:col>
      <xdr:colOff>152400</xdr:colOff>
      <xdr:row>100</xdr:row>
      <xdr:rowOff>67056</xdr:rowOff>
    </xdr:to>
    <xdr:cxnSp macro="">
      <xdr:nvCxnSpPr>
        <xdr:cNvPr id="720" name="直線コネクタ 719"/>
        <xdr:cNvCxnSpPr/>
      </xdr:nvCxnSpPr>
      <xdr:spPr>
        <a:xfrm>
          <a:off x="19443700" y="168310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6564</xdr:rowOff>
    </xdr:from>
    <xdr:ext cx="469744" cy="259045"/>
    <xdr:sp macro="" textlink="">
      <xdr:nvSpPr>
        <xdr:cNvPr id="721" name="【公民館】&#10;一人当たり面積平均値テキスト"/>
        <xdr:cNvSpPr txBox="1"/>
      </xdr:nvSpPr>
      <xdr:spPr>
        <a:xfrm>
          <a:off x="19547840" y="176687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3687</xdr:rowOff>
    </xdr:from>
    <xdr:to>
      <xdr:col>116</xdr:col>
      <xdr:colOff>114300</xdr:colOff>
      <xdr:row>106</xdr:row>
      <xdr:rowOff>145287</xdr:rowOff>
    </xdr:to>
    <xdr:sp macro="" textlink="">
      <xdr:nvSpPr>
        <xdr:cNvPr id="722" name="フローチャート: 判断 721"/>
        <xdr:cNvSpPr/>
      </xdr:nvSpPr>
      <xdr:spPr>
        <a:xfrm>
          <a:off x="19458940" y="17813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52832</xdr:rowOff>
    </xdr:from>
    <xdr:to>
      <xdr:col>112</xdr:col>
      <xdr:colOff>38100</xdr:colOff>
      <xdr:row>106</xdr:row>
      <xdr:rowOff>154432</xdr:rowOff>
    </xdr:to>
    <xdr:sp macro="" textlink="">
      <xdr:nvSpPr>
        <xdr:cNvPr id="723" name="フローチャート: 判断 722"/>
        <xdr:cNvSpPr/>
      </xdr:nvSpPr>
      <xdr:spPr>
        <a:xfrm>
          <a:off x="18735040" y="1782267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55118</xdr:rowOff>
    </xdr:from>
    <xdr:to>
      <xdr:col>107</xdr:col>
      <xdr:colOff>101600</xdr:colOff>
      <xdr:row>106</xdr:row>
      <xdr:rowOff>156718</xdr:rowOff>
    </xdr:to>
    <xdr:sp macro="" textlink="">
      <xdr:nvSpPr>
        <xdr:cNvPr id="724" name="フローチャート: 判断 723"/>
        <xdr:cNvSpPr/>
      </xdr:nvSpPr>
      <xdr:spPr>
        <a:xfrm>
          <a:off x="17937480" y="1782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80263</xdr:rowOff>
    </xdr:from>
    <xdr:to>
      <xdr:col>102</xdr:col>
      <xdr:colOff>165100</xdr:colOff>
      <xdr:row>107</xdr:row>
      <xdr:rowOff>10413</xdr:rowOff>
    </xdr:to>
    <xdr:sp macro="" textlink="">
      <xdr:nvSpPr>
        <xdr:cNvPr id="725" name="フローチャート: 判断 724"/>
        <xdr:cNvSpPr/>
      </xdr:nvSpPr>
      <xdr:spPr>
        <a:xfrm>
          <a:off x="17162780" y="1785010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68835</xdr:rowOff>
    </xdr:from>
    <xdr:to>
      <xdr:col>98</xdr:col>
      <xdr:colOff>38100</xdr:colOff>
      <xdr:row>106</xdr:row>
      <xdr:rowOff>170435</xdr:rowOff>
    </xdr:to>
    <xdr:sp macro="" textlink="">
      <xdr:nvSpPr>
        <xdr:cNvPr id="726" name="フローチャート: 判断 725"/>
        <xdr:cNvSpPr/>
      </xdr:nvSpPr>
      <xdr:spPr>
        <a:xfrm>
          <a:off x="16388080" y="1783867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7" name="テキスト ボックス 726"/>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8" name="テキスト ボックス 727"/>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9" name="テキスト ボックス 728"/>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0" name="テキスト ボックス 729"/>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1" name="テキスト ボックス 730"/>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71120</xdr:rowOff>
    </xdr:from>
    <xdr:to>
      <xdr:col>116</xdr:col>
      <xdr:colOff>114300</xdr:colOff>
      <xdr:row>108</xdr:row>
      <xdr:rowOff>1270</xdr:rowOff>
    </xdr:to>
    <xdr:sp macro="" textlink="">
      <xdr:nvSpPr>
        <xdr:cNvPr id="732" name="楕円 731"/>
        <xdr:cNvSpPr/>
      </xdr:nvSpPr>
      <xdr:spPr>
        <a:xfrm>
          <a:off x="19458940" y="180086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57497</xdr:rowOff>
    </xdr:from>
    <xdr:ext cx="469744" cy="259045"/>
    <xdr:sp macro="" textlink="">
      <xdr:nvSpPr>
        <xdr:cNvPr id="733" name="【公民館】&#10;一人当たり面積該当値テキスト"/>
        <xdr:cNvSpPr txBox="1"/>
      </xdr:nvSpPr>
      <xdr:spPr>
        <a:xfrm>
          <a:off x="19547840" y="17927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71120</xdr:rowOff>
    </xdr:from>
    <xdr:to>
      <xdr:col>112</xdr:col>
      <xdr:colOff>38100</xdr:colOff>
      <xdr:row>108</xdr:row>
      <xdr:rowOff>1270</xdr:rowOff>
    </xdr:to>
    <xdr:sp macro="" textlink="">
      <xdr:nvSpPr>
        <xdr:cNvPr id="734" name="楕円 733"/>
        <xdr:cNvSpPr/>
      </xdr:nvSpPr>
      <xdr:spPr>
        <a:xfrm>
          <a:off x="18735040" y="180086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21920</xdr:rowOff>
    </xdr:from>
    <xdr:to>
      <xdr:col>116</xdr:col>
      <xdr:colOff>63500</xdr:colOff>
      <xdr:row>107</xdr:row>
      <xdr:rowOff>121920</xdr:rowOff>
    </xdr:to>
    <xdr:cxnSp macro="">
      <xdr:nvCxnSpPr>
        <xdr:cNvPr id="735" name="直線コネクタ 734"/>
        <xdr:cNvCxnSpPr/>
      </xdr:nvCxnSpPr>
      <xdr:spPr>
        <a:xfrm>
          <a:off x="18778220" y="1805940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71120</xdr:rowOff>
    </xdr:from>
    <xdr:to>
      <xdr:col>107</xdr:col>
      <xdr:colOff>101600</xdr:colOff>
      <xdr:row>108</xdr:row>
      <xdr:rowOff>1270</xdr:rowOff>
    </xdr:to>
    <xdr:sp macro="" textlink="">
      <xdr:nvSpPr>
        <xdr:cNvPr id="736" name="楕円 735"/>
        <xdr:cNvSpPr/>
      </xdr:nvSpPr>
      <xdr:spPr>
        <a:xfrm>
          <a:off x="17937480" y="180086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21920</xdr:rowOff>
    </xdr:from>
    <xdr:to>
      <xdr:col>111</xdr:col>
      <xdr:colOff>177800</xdr:colOff>
      <xdr:row>107</xdr:row>
      <xdr:rowOff>121920</xdr:rowOff>
    </xdr:to>
    <xdr:cxnSp macro="">
      <xdr:nvCxnSpPr>
        <xdr:cNvPr id="737" name="直線コネクタ 736"/>
        <xdr:cNvCxnSpPr/>
      </xdr:nvCxnSpPr>
      <xdr:spPr>
        <a:xfrm>
          <a:off x="17988280" y="1805940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71120</xdr:rowOff>
    </xdr:from>
    <xdr:to>
      <xdr:col>102</xdr:col>
      <xdr:colOff>165100</xdr:colOff>
      <xdr:row>108</xdr:row>
      <xdr:rowOff>1270</xdr:rowOff>
    </xdr:to>
    <xdr:sp macro="" textlink="">
      <xdr:nvSpPr>
        <xdr:cNvPr id="738" name="楕円 737"/>
        <xdr:cNvSpPr/>
      </xdr:nvSpPr>
      <xdr:spPr>
        <a:xfrm>
          <a:off x="17162780" y="180086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21920</xdr:rowOff>
    </xdr:from>
    <xdr:to>
      <xdr:col>107</xdr:col>
      <xdr:colOff>50800</xdr:colOff>
      <xdr:row>107</xdr:row>
      <xdr:rowOff>121920</xdr:rowOff>
    </xdr:to>
    <xdr:cxnSp macro="">
      <xdr:nvCxnSpPr>
        <xdr:cNvPr id="739" name="直線コネクタ 738"/>
        <xdr:cNvCxnSpPr/>
      </xdr:nvCxnSpPr>
      <xdr:spPr>
        <a:xfrm>
          <a:off x="17213580" y="1805940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71120</xdr:rowOff>
    </xdr:from>
    <xdr:to>
      <xdr:col>98</xdr:col>
      <xdr:colOff>38100</xdr:colOff>
      <xdr:row>108</xdr:row>
      <xdr:rowOff>1270</xdr:rowOff>
    </xdr:to>
    <xdr:sp macro="" textlink="">
      <xdr:nvSpPr>
        <xdr:cNvPr id="740" name="楕円 739"/>
        <xdr:cNvSpPr/>
      </xdr:nvSpPr>
      <xdr:spPr>
        <a:xfrm>
          <a:off x="16388080" y="180086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21920</xdr:rowOff>
    </xdr:from>
    <xdr:to>
      <xdr:col>102</xdr:col>
      <xdr:colOff>114300</xdr:colOff>
      <xdr:row>107</xdr:row>
      <xdr:rowOff>121920</xdr:rowOff>
    </xdr:to>
    <xdr:cxnSp macro="">
      <xdr:nvCxnSpPr>
        <xdr:cNvPr id="741" name="直線コネクタ 740"/>
        <xdr:cNvCxnSpPr/>
      </xdr:nvCxnSpPr>
      <xdr:spPr>
        <a:xfrm>
          <a:off x="16431260" y="1805940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70959</xdr:rowOff>
    </xdr:from>
    <xdr:ext cx="469744" cy="259045"/>
    <xdr:sp macro="" textlink="">
      <xdr:nvSpPr>
        <xdr:cNvPr id="742" name="n_1aveValue【公民館】&#10;一人当たり面積"/>
        <xdr:cNvSpPr txBox="1"/>
      </xdr:nvSpPr>
      <xdr:spPr>
        <a:xfrm>
          <a:off x="18561127" y="17605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795</xdr:rowOff>
    </xdr:from>
    <xdr:ext cx="469744" cy="259045"/>
    <xdr:sp macro="" textlink="">
      <xdr:nvSpPr>
        <xdr:cNvPr id="743" name="n_2aveValue【公民館】&#10;一人当たり面積"/>
        <xdr:cNvSpPr txBox="1"/>
      </xdr:nvSpPr>
      <xdr:spPr>
        <a:xfrm>
          <a:off x="17776267" y="17603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26940</xdr:rowOff>
    </xdr:from>
    <xdr:ext cx="469744" cy="259045"/>
    <xdr:sp macro="" textlink="">
      <xdr:nvSpPr>
        <xdr:cNvPr id="744" name="n_3aveValue【公民館】&#10;一人当たり面積"/>
        <xdr:cNvSpPr txBox="1"/>
      </xdr:nvSpPr>
      <xdr:spPr>
        <a:xfrm>
          <a:off x="17001567" y="17629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5512</xdr:rowOff>
    </xdr:from>
    <xdr:ext cx="469744" cy="259045"/>
    <xdr:sp macro="" textlink="">
      <xdr:nvSpPr>
        <xdr:cNvPr id="745" name="n_4aveValue【公民館】&#10;一人当たり面積"/>
        <xdr:cNvSpPr txBox="1"/>
      </xdr:nvSpPr>
      <xdr:spPr>
        <a:xfrm>
          <a:off x="16226867" y="17617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63847</xdr:rowOff>
    </xdr:from>
    <xdr:ext cx="469744" cy="259045"/>
    <xdr:sp macro="" textlink="">
      <xdr:nvSpPr>
        <xdr:cNvPr id="746" name="n_1mainValue【公民館】&#10;一人当たり面積"/>
        <xdr:cNvSpPr txBox="1"/>
      </xdr:nvSpPr>
      <xdr:spPr>
        <a:xfrm>
          <a:off x="18561127"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63847</xdr:rowOff>
    </xdr:from>
    <xdr:ext cx="469744" cy="259045"/>
    <xdr:sp macro="" textlink="">
      <xdr:nvSpPr>
        <xdr:cNvPr id="747" name="n_2mainValue【公民館】&#10;一人当たり面積"/>
        <xdr:cNvSpPr txBox="1"/>
      </xdr:nvSpPr>
      <xdr:spPr>
        <a:xfrm>
          <a:off x="17776267"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63847</xdr:rowOff>
    </xdr:from>
    <xdr:ext cx="469744" cy="259045"/>
    <xdr:sp macro="" textlink="">
      <xdr:nvSpPr>
        <xdr:cNvPr id="748" name="n_3mainValue【公民館】&#10;一人当たり面積"/>
        <xdr:cNvSpPr txBox="1"/>
      </xdr:nvSpPr>
      <xdr:spPr>
        <a:xfrm>
          <a:off x="17001567"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63847</xdr:rowOff>
    </xdr:from>
    <xdr:ext cx="469744" cy="259045"/>
    <xdr:sp macro="" textlink="">
      <xdr:nvSpPr>
        <xdr:cNvPr id="749" name="n_4mainValue【公民館】&#10;一人当たり面積"/>
        <xdr:cNvSpPr txBox="1"/>
      </xdr:nvSpPr>
      <xdr:spPr>
        <a:xfrm>
          <a:off x="16226867"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0" name="正方形/長方形 749"/>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1" name="正方形/長方形 750"/>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2" name="テキスト ボックス 751"/>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道路</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区分では、類似団体と比較し有形固定資産減価償却率が低い水準となっており、定例的に大規模な補修による管理ができている。</a:t>
          </a:r>
          <a:endParaRPr lang="ja-JP" altLang="ja-JP" sz="1400">
            <a:solidFill>
              <a:sysClr val="windowText" lastClr="000000"/>
            </a:solidFill>
            <a:effectLst/>
          </a:endParaRPr>
        </a:p>
        <a:p>
          <a:pPr eaLnBrk="1" fontAlgn="auto" latinLnBrk="0" hangingPunct="1"/>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認定こども園・幼稚園・保育所</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区分では、保育園において市内</a:t>
          </a:r>
          <a:r>
            <a:rPr kumimoji="1" lang="en-US" altLang="ja-JP" sz="1100">
              <a:solidFill>
                <a:sysClr val="windowText" lastClr="000000"/>
              </a:solidFill>
              <a:effectLst/>
              <a:latin typeface="+mn-lt"/>
              <a:ea typeface="+mn-ea"/>
              <a:cs typeface="+mn-cs"/>
            </a:rPr>
            <a:t>2</a:t>
          </a:r>
          <a:r>
            <a:rPr kumimoji="1" lang="ja-JP" altLang="ja-JP" sz="1100">
              <a:solidFill>
                <a:sysClr val="windowText" lastClr="000000"/>
              </a:solidFill>
              <a:effectLst/>
              <a:latin typeface="+mn-lt"/>
              <a:ea typeface="+mn-ea"/>
              <a:cs typeface="+mn-cs"/>
            </a:rPr>
            <a:t>園あるうちの</a:t>
          </a:r>
          <a:r>
            <a:rPr kumimoji="1" lang="en-US" altLang="ja-JP" sz="1100">
              <a:solidFill>
                <a:sysClr val="windowText" lastClr="000000"/>
              </a:solidFill>
              <a:effectLst/>
              <a:latin typeface="+mn-lt"/>
              <a:ea typeface="+mn-ea"/>
              <a:cs typeface="+mn-cs"/>
            </a:rPr>
            <a:t>1</a:t>
          </a:r>
          <a:r>
            <a:rPr kumimoji="1" lang="ja-JP" altLang="ja-JP" sz="1100">
              <a:solidFill>
                <a:sysClr val="windowText" lastClr="000000"/>
              </a:solidFill>
              <a:effectLst/>
              <a:latin typeface="+mn-lt"/>
              <a:ea typeface="+mn-ea"/>
              <a:cs typeface="+mn-cs"/>
            </a:rPr>
            <a:t>園、大上保育園が平成</a:t>
          </a:r>
          <a:r>
            <a:rPr kumimoji="1" lang="en-US" altLang="ja-JP" sz="1100">
              <a:solidFill>
                <a:sysClr val="windowText" lastClr="000000"/>
              </a:solidFill>
              <a:effectLst/>
              <a:latin typeface="+mn-lt"/>
              <a:ea typeface="+mn-ea"/>
              <a:cs typeface="+mn-cs"/>
            </a:rPr>
            <a:t>22</a:t>
          </a:r>
          <a:r>
            <a:rPr kumimoji="1" lang="ja-JP" altLang="ja-JP" sz="1100">
              <a:solidFill>
                <a:sysClr val="windowText" lastClr="000000"/>
              </a:solidFill>
              <a:effectLst/>
              <a:latin typeface="+mn-lt"/>
              <a:ea typeface="+mn-ea"/>
              <a:cs typeface="+mn-cs"/>
            </a:rPr>
            <a:t>年度に建替工事を実施したことに伴い、有形固定資産減価償却率が低い水準となっている。</a:t>
          </a:r>
          <a:endParaRPr lang="ja-JP" altLang="ja-JP" sz="1400">
            <a:solidFill>
              <a:sysClr val="windowText" lastClr="000000"/>
            </a:solidFill>
            <a:effectLst/>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学校施設</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区分では、平成</a:t>
          </a:r>
          <a:r>
            <a:rPr kumimoji="1" lang="en-US" altLang="ja-JP" sz="1100">
              <a:solidFill>
                <a:sysClr val="windowText" lastClr="000000"/>
              </a:solidFill>
              <a:effectLst/>
              <a:latin typeface="+mn-lt"/>
              <a:ea typeface="+mn-ea"/>
              <a:cs typeface="+mn-cs"/>
            </a:rPr>
            <a:t>22</a:t>
          </a:r>
          <a:r>
            <a:rPr kumimoji="1" lang="ja-JP" altLang="ja-JP" sz="1100">
              <a:solidFill>
                <a:sysClr val="windowText" lastClr="000000"/>
              </a:solidFill>
              <a:effectLst/>
              <a:latin typeface="+mn-lt"/>
              <a:ea typeface="+mn-ea"/>
              <a:cs typeface="+mn-cs"/>
            </a:rPr>
            <a:t>年度に綾瀬小学校の建替工事を行ったことに伴い、有形固定資産減価償却率は低い水準とな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その他の施設に係る有形固定資産減価償却率については、類似団体と近似した値となっており、適切な範囲で管理がなされている。</a:t>
          </a:r>
          <a:endParaRPr lang="ja-JP" altLang="ja-JP" sz="1400">
            <a:solidFill>
              <a:sysClr val="windowText" lastClr="000000"/>
            </a:solidFill>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86
80,728
22.14
38,741,486
37,050,872
1,129,343
16,618,470
15,880,5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2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7833</xdr:rowOff>
    </xdr:from>
    <xdr:to>
      <xdr:col>24</xdr:col>
      <xdr:colOff>62865</xdr:colOff>
      <xdr:row>42</xdr:row>
      <xdr:rowOff>92528</xdr:rowOff>
    </xdr:to>
    <xdr:cxnSp macro="">
      <xdr:nvCxnSpPr>
        <xdr:cNvPr id="58" name="直線コネクタ 57"/>
        <xdr:cNvCxnSpPr/>
      </xdr:nvCxnSpPr>
      <xdr:spPr>
        <a:xfrm flipV="1">
          <a:off x="4086225" y="5609953"/>
          <a:ext cx="0" cy="1523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xdr:cNvSpPr txBox="1"/>
      </xdr:nvSpPr>
      <xdr:spPr>
        <a:xfrm>
          <a:off x="412496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xdr:cNvCxnSpPr/>
      </xdr:nvCxnSpPr>
      <xdr:spPr>
        <a:xfrm>
          <a:off x="402082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4510</xdr:rowOff>
    </xdr:from>
    <xdr:ext cx="340478" cy="259045"/>
    <xdr:sp macro="" textlink="">
      <xdr:nvSpPr>
        <xdr:cNvPr id="61" name="【図書館】&#10;有形固定資産減価償却率最大値テキスト"/>
        <xdr:cNvSpPr txBox="1"/>
      </xdr:nvSpPr>
      <xdr:spPr>
        <a:xfrm>
          <a:off x="4124960" y="53889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7833</xdr:rowOff>
    </xdr:from>
    <xdr:to>
      <xdr:col>24</xdr:col>
      <xdr:colOff>152400</xdr:colOff>
      <xdr:row>33</xdr:row>
      <xdr:rowOff>77833</xdr:rowOff>
    </xdr:to>
    <xdr:cxnSp macro="">
      <xdr:nvCxnSpPr>
        <xdr:cNvPr id="62" name="直線コネクタ 61"/>
        <xdr:cNvCxnSpPr/>
      </xdr:nvCxnSpPr>
      <xdr:spPr>
        <a:xfrm>
          <a:off x="4020820" y="56099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46644</xdr:rowOff>
    </xdr:from>
    <xdr:ext cx="405111" cy="259045"/>
    <xdr:sp macro="" textlink="">
      <xdr:nvSpPr>
        <xdr:cNvPr id="63" name="【図書館】&#10;有形固定資産減価償却率平均値テキスト"/>
        <xdr:cNvSpPr txBox="1"/>
      </xdr:nvSpPr>
      <xdr:spPr>
        <a:xfrm>
          <a:off x="4124960" y="60816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3767</xdr:rowOff>
    </xdr:from>
    <xdr:to>
      <xdr:col>24</xdr:col>
      <xdr:colOff>114300</xdr:colOff>
      <xdr:row>37</xdr:row>
      <xdr:rowOff>125367</xdr:rowOff>
    </xdr:to>
    <xdr:sp macro="" textlink="">
      <xdr:nvSpPr>
        <xdr:cNvPr id="64" name="フローチャート: 判断 63"/>
        <xdr:cNvSpPr/>
      </xdr:nvSpPr>
      <xdr:spPr>
        <a:xfrm>
          <a:off x="4036060" y="6226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603</xdr:rowOff>
    </xdr:from>
    <xdr:to>
      <xdr:col>20</xdr:col>
      <xdr:colOff>38100</xdr:colOff>
      <xdr:row>37</xdr:row>
      <xdr:rowOff>117203</xdr:rowOff>
    </xdr:to>
    <xdr:sp macro="" textlink="">
      <xdr:nvSpPr>
        <xdr:cNvPr id="65" name="フローチャート: 判断 64"/>
        <xdr:cNvSpPr/>
      </xdr:nvSpPr>
      <xdr:spPr>
        <a:xfrm>
          <a:off x="3312160" y="621828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9294</xdr:rowOff>
    </xdr:from>
    <xdr:to>
      <xdr:col>15</xdr:col>
      <xdr:colOff>101600</xdr:colOff>
      <xdr:row>37</xdr:row>
      <xdr:rowOff>89444</xdr:rowOff>
    </xdr:to>
    <xdr:sp macro="" textlink="">
      <xdr:nvSpPr>
        <xdr:cNvPr id="66" name="フローチャート: 判断 65"/>
        <xdr:cNvSpPr/>
      </xdr:nvSpPr>
      <xdr:spPr>
        <a:xfrm>
          <a:off x="2514600" y="619433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29903</xdr:rowOff>
    </xdr:from>
    <xdr:to>
      <xdr:col>10</xdr:col>
      <xdr:colOff>165100</xdr:colOff>
      <xdr:row>37</xdr:row>
      <xdr:rowOff>60053</xdr:rowOff>
    </xdr:to>
    <xdr:sp macro="" textlink="">
      <xdr:nvSpPr>
        <xdr:cNvPr id="67" name="フローチャート: 判断 66"/>
        <xdr:cNvSpPr/>
      </xdr:nvSpPr>
      <xdr:spPr>
        <a:xfrm>
          <a:off x="1739900" y="616494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07043</xdr:rowOff>
    </xdr:from>
    <xdr:to>
      <xdr:col>6</xdr:col>
      <xdr:colOff>38100</xdr:colOff>
      <xdr:row>37</xdr:row>
      <xdr:rowOff>37193</xdr:rowOff>
    </xdr:to>
    <xdr:sp macro="" textlink="">
      <xdr:nvSpPr>
        <xdr:cNvPr id="68" name="フローチャート: 判断 67"/>
        <xdr:cNvSpPr/>
      </xdr:nvSpPr>
      <xdr:spPr>
        <a:xfrm>
          <a:off x="965200" y="614208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3169</xdr:rowOff>
    </xdr:from>
    <xdr:to>
      <xdr:col>24</xdr:col>
      <xdr:colOff>114300</xdr:colOff>
      <xdr:row>38</xdr:row>
      <xdr:rowOff>63319</xdr:rowOff>
    </xdr:to>
    <xdr:sp macro="" textlink="">
      <xdr:nvSpPr>
        <xdr:cNvPr id="74" name="楕円 73"/>
        <xdr:cNvSpPr/>
      </xdr:nvSpPr>
      <xdr:spPr>
        <a:xfrm>
          <a:off x="4036060" y="633584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11596</xdr:rowOff>
    </xdr:from>
    <xdr:ext cx="405111" cy="259045"/>
    <xdr:sp macro="" textlink="">
      <xdr:nvSpPr>
        <xdr:cNvPr id="75" name="【図書館】&#10;有形固定資産減価償却率該当値テキスト"/>
        <xdr:cNvSpPr txBox="1"/>
      </xdr:nvSpPr>
      <xdr:spPr>
        <a:xfrm>
          <a:off x="4124960" y="6314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80917</xdr:rowOff>
    </xdr:from>
    <xdr:to>
      <xdr:col>20</xdr:col>
      <xdr:colOff>38100</xdr:colOff>
      <xdr:row>38</xdr:row>
      <xdr:rowOff>11068</xdr:rowOff>
    </xdr:to>
    <xdr:sp macro="" textlink="">
      <xdr:nvSpPr>
        <xdr:cNvPr id="76" name="楕円 75"/>
        <xdr:cNvSpPr/>
      </xdr:nvSpPr>
      <xdr:spPr>
        <a:xfrm>
          <a:off x="3312160" y="6283597"/>
          <a:ext cx="78740" cy="9779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31717</xdr:rowOff>
    </xdr:from>
    <xdr:to>
      <xdr:col>24</xdr:col>
      <xdr:colOff>63500</xdr:colOff>
      <xdr:row>38</xdr:row>
      <xdr:rowOff>12519</xdr:rowOff>
    </xdr:to>
    <xdr:cxnSp macro="">
      <xdr:nvCxnSpPr>
        <xdr:cNvPr id="77" name="直線コネクタ 76"/>
        <xdr:cNvCxnSpPr/>
      </xdr:nvCxnSpPr>
      <xdr:spPr>
        <a:xfrm>
          <a:off x="3355340" y="6334397"/>
          <a:ext cx="731520" cy="48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8260</xdr:rowOff>
    </xdr:from>
    <xdr:to>
      <xdr:col>15</xdr:col>
      <xdr:colOff>101600</xdr:colOff>
      <xdr:row>37</xdr:row>
      <xdr:rowOff>149860</xdr:rowOff>
    </xdr:to>
    <xdr:sp macro="" textlink="">
      <xdr:nvSpPr>
        <xdr:cNvPr id="78" name="楕円 77"/>
        <xdr:cNvSpPr/>
      </xdr:nvSpPr>
      <xdr:spPr>
        <a:xfrm>
          <a:off x="2514600" y="6250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99060</xdr:rowOff>
    </xdr:from>
    <xdr:to>
      <xdr:col>19</xdr:col>
      <xdr:colOff>177800</xdr:colOff>
      <xdr:row>37</xdr:row>
      <xdr:rowOff>131717</xdr:rowOff>
    </xdr:to>
    <xdr:cxnSp macro="">
      <xdr:nvCxnSpPr>
        <xdr:cNvPr id="79" name="直線コネクタ 78"/>
        <xdr:cNvCxnSpPr/>
      </xdr:nvCxnSpPr>
      <xdr:spPr>
        <a:xfrm>
          <a:off x="2565400" y="6301740"/>
          <a:ext cx="78994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603</xdr:rowOff>
    </xdr:from>
    <xdr:to>
      <xdr:col>10</xdr:col>
      <xdr:colOff>165100</xdr:colOff>
      <xdr:row>37</xdr:row>
      <xdr:rowOff>117203</xdr:rowOff>
    </xdr:to>
    <xdr:sp macro="" textlink="">
      <xdr:nvSpPr>
        <xdr:cNvPr id="80" name="楕円 79"/>
        <xdr:cNvSpPr/>
      </xdr:nvSpPr>
      <xdr:spPr>
        <a:xfrm>
          <a:off x="1739900" y="6218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66403</xdr:rowOff>
    </xdr:from>
    <xdr:to>
      <xdr:col>15</xdr:col>
      <xdr:colOff>50800</xdr:colOff>
      <xdr:row>37</xdr:row>
      <xdr:rowOff>99060</xdr:rowOff>
    </xdr:to>
    <xdr:cxnSp macro="">
      <xdr:nvCxnSpPr>
        <xdr:cNvPr id="81" name="直線コネクタ 80"/>
        <xdr:cNvCxnSpPr/>
      </xdr:nvCxnSpPr>
      <xdr:spPr>
        <a:xfrm>
          <a:off x="1790700" y="6269083"/>
          <a:ext cx="7747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54396</xdr:rowOff>
    </xdr:from>
    <xdr:to>
      <xdr:col>6</xdr:col>
      <xdr:colOff>38100</xdr:colOff>
      <xdr:row>37</xdr:row>
      <xdr:rowOff>84546</xdr:rowOff>
    </xdr:to>
    <xdr:sp macro="" textlink="">
      <xdr:nvSpPr>
        <xdr:cNvPr id="82" name="楕円 81"/>
        <xdr:cNvSpPr/>
      </xdr:nvSpPr>
      <xdr:spPr>
        <a:xfrm>
          <a:off x="965200" y="618943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33746</xdr:rowOff>
    </xdr:from>
    <xdr:to>
      <xdr:col>10</xdr:col>
      <xdr:colOff>114300</xdr:colOff>
      <xdr:row>37</xdr:row>
      <xdr:rowOff>66403</xdr:rowOff>
    </xdr:to>
    <xdr:cxnSp macro="">
      <xdr:nvCxnSpPr>
        <xdr:cNvPr id="83" name="直線コネクタ 82"/>
        <xdr:cNvCxnSpPr/>
      </xdr:nvCxnSpPr>
      <xdr:spPr>
        <a:xfrm>
          <a:off x="1008380" y="6236426"/>
          <a:ext cx="78232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33730</xdr:rowOff>
    </xdr:from>
    <xdr:ext cx="405111" cy="259045"/>
    <xdr:sp macro="" textlink="">
      <xdr:nvSpPr>
        <xdr:cNvPr id="84" name="n_1aveValue【図書館】&#10;有形固定資産減価償却率"/>
        <xdr:cNvSpPr txBox="1"/>
      </xdr:nvSpPr>
      <xdr:spPr>
        <a:xfrm>
          <a:off x="3170564" y="6001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5971</xdr:rowOff>
    </xdr:from>
    <xdr:ext cx="405111" cy="259045"/>
    <xdr:sp macro="" textlink="">
      <xdr:nvSpPr>
        <xdr:cNvPr id="85" name="n_2aveValue【図書館】&#10;有形固定資産減価償却率"/>
        <xdr:cNvSpPr txBox="1"/>
      </xdr:nvSpPr>
      <xdr:spPr>
        <a:xfrm>
          <a:off x="2385704" y="5973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76580</xdr:rowOff>
    </xdr:from>
    <xdr:ext cx="405111" cy="259045"/>
    <xdr:sp macro="" textlink="">
      <xdr:nvSpPr>
        <xdr:cNvPr id="86" name="n_3aveValue【図書館】&#10;有形固定資産減価償却率"/>
        <xdr:cNvSpPr txBox="1"/>
      </xdr:nvSpPr>
      <xdr:spPr>
        <a:xfrm>
          <a:off x="1611004" y="59439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53720</xdr:rowOff>
    </xdr:from>
    <xdr:ext cx="405111" cy="259045"/>
    <xdr:sp macro="" textlink="">
      <xdr:nvSpPr>
        <xdr:cNvPr id="87" name="n_4aveValue【図書館】&#10;有形固定資産減価償却率"/>
        <xdr:cNvSpPr txBox="1"/>
      </xdr:nvSpPr>
      <xdr:spPr>
        <a:xfrm>
          <a:off x="836304" y="59211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2194</xdr:rowOff>
    </xdr:from>
    <xdr:ext cx="405111" cy="259045"/>
    <xdr:sp macro="" textlink="">
      <xdr:nvSpPr>
        <xdr:cNvPr id="88" name="n_1mainValue【図書館】&#10;有形固定資産減価償却率"/>
        <xdr:cNvSpPr txBox="1"/>
      </xdr:nvSpPr>
      <xdr:spPr>
        <a:xfrm>
          <a:off x="3170564" y="6372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40987</xdr:rowOff>
    </xdr:from>
    <xdr:ext cx="405111" cy="259045"/>
    <xdr:sp macro="" textlink="">
      <xdr:nvSpPr>
        <xdr:cNvPr id="89" name="n_2mainValue【図書館】&#10;有形固定資産減価償却率"/>
        <xdr:cNvSpPr txBox="1"/>
      </xdr:nvSpPr>
      <xdr:spPr>
        <a:xfrm>
          <a:off x="2385704" y="6343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08330</xdr:rowOff>
    </xdr:from>
    <xdr:ext cx="405111" cy="259045"/>
    <xdr:sp macro="" textlink="">
      <xdr:nvSpPr>
        <xdr:cNvPr id="90" name="n_3mainValue【図書館】&#10;有形固定資産減価償却率"/>
        <xdr:cNvSpPr txBox="1"/>
      </xdr:nvSpPr>
      <xdr:spPr>
        <a:xfrm>
          <a:off x="1611004" y="6311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75673</xdr:rowOff>
    </xdr:from>
    <xdr:ext cx="405111" cy="259045"/>
    <xdr:sp macro="" textlink="">
      <xdr:nvSpPr>
        <xdr:cNvPr id="91" name="n_4mainValue【図書館】&#10;有形固定資産減価償却率"/>
        <xdr:cNvSpPr txBox="1"/>
      </xdr:nvSpPr>
      <xdr:spPr>
        <a:xfrm>
          <a:off x="836304" y="6278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2700</xdr:rowOff>
    </xdr:from>
    <xdr:to>
      <xdr:col>54</xdr:col>
      <xdr:colOff>189865</xdr:colOff>
      <xdr:row>41</xdr:row>
      <xdr:rowOff>107950</xdr:rowOff>
    </xdr:to>
    <xdr:cxnSp macro="">
      <xdr:nvCxnSpPr>
        <xdr:cNvPr id="115" name="直線コネクタ 114"/>
        <xdr:cNvCxnSpPr/>
      </xdr:nvCxnSpPr>
      <xdr:spPr>
        <a:xfrm flipV="1">
          <a:off x="9219565" y="571246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11777</xdr:rowOff>
    </xdr:from>
    <xdr:ext cx="469744" cy="259045"/>
    <xdr:sp macro="" textlink="">
      <xdr:nvSpPr>
        <xdr:cNvPr id="116" name="【図書館】&#10;一人当たり面積最小値テキスト"/>
        <xdr:cNvSpPr txBox="1"/>
      </xdr:nvSpPr>
      <xdr:spPr>
        <a:xfrm>
          <a:off x="9258300" y="6985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7950</xdr:rowOff>
    </xdr:from>
    <xdr:to>
      <xdr:col>55</xdr:col>
      <xdr:colOff>88900</xdr:colOff>
      <xdr:row>41</xdr:row>
      <xdr:rowOff>107950</xdr:rowOff>
    </xdr:to>
    <xdr:cxnSp macro="">
      <xdr:nvCxnSpPr>
        <xdr:cNvPr id="117" name="直線コネクタ 116"/>
        <xdr:cNvCxnSpPr/>
      </xdr:nvCxnSpPr>
      <xdr:spPr>
        <a:xfrm>
          <a:off x="9154160" y="69811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30827</xdr:rowOff>
    </xdr:from>
    <xdr:ext cx="469744" cy="259045"/>
    <xdr:sp macro="" textlink="">
      <xdr:nvSpPr>
        <xdr:cNvPr id="118" name="【図書館】&#10;一人当たり面積最大値テキスト"/>
        <xdr:cNvSpPr txBox="1"/>
      </xdr:nvSpPr>
      <xdr:spPr>
        <a:xfrm>
          <a:off x="9258300" y="5495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2700</xdr:rowOff>
    </xdr:from>
    <xdr:to>
      <xdr:col>55</xdr:col>
      <xdr:colOff>88900</xdr:colOff>
      <xdr:row>34</xdr:row>
      <xdr:rowOff>12700</xdr:rowOff>
    </xdr:to>
    <xdr:cxnSp macro="">
      <xdr:nvCxnSpPr>
        <xdr:cNvPr id="119" name="直線コネクタ 118"/>
        <xdr:cNvCxnSpPr/>
      </xdr:nvCxnSpPr>
      <xdr:spPr>
        <a:xfrm>
          <a:off x="9154160" y="57124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86377</xdr:rowOff>
    </xdr:from>
    <xdr:ext cx="469744" cy="259045"/>
    <xdr:sp macro="" textlink="">
      <xdr:nvSpPr>
        <xdr:cNvPr id="120" name="【図書館】&#10;一人当たり面積平均値テキスト"/>
        <xdr:cNvSpPr txBox="1"/>
      </xdr:nvSpPr>
      <xdr:spPr>
        <a:xfrm>
          <a:off x="9258300" y="62890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3500</xdr:rowOff>
    </xdr:from>
    <xdr:to>
      <xdr:col>55</xdr:col>
      <xdr:colOff>50800</xdr:colOff>
      <xdr:row>38</xdr:row>
      <xdr:rowOff>165100</xdr:rowOff>
    </xdr:to>
    <xdr:sp macro="" textlink="">
      <xdr:nvSpPr>
        <xdr:cNvPr id="121" name="フローチャート: 判断 120"/>
        <xdr:cNvSpPr/>
      </xdr:nvSpPr>
      <xdr:spPr>
        <a:xfrm>
          <a:off x="9192260" y="64338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63500</xdr:rowOff>
    </xdr:from>
    <xdr:to>
      <xdr:col>50</xdr:col>
      <xdr:colOff>165100</xdr:colOff>
      <xdr:row>38</xdr:row>
      <xdr:rowOff>165100</xdr:rowOff>
    </xdr:to>
    <xdr:sp macro="" textlink="">
      <xdr:nvSpPr>
        <xdr:cNvPr id="122" name="フローチャート: 判断 121"/>
        <xdr:cNvSpPr/>
      </xdr:nvSpPr>
      <xdr:spPr>
        <a:xfrm>
          <a:off x="8445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63500</xdr:rowOff>
    </xdr:from>
    <xdr:to>
      <xdr:col>46</xdr:col>
      <xdr:colOff>38100</xdr:colOff>
      <xdr:row>38</xdr:row>
      <xdr:rowOff>165100</xdr:rowOff>
    </xdr:to>
    <xdr:sp macro="" textlink="">
      <xdr:nvSpPr>
        <xdr:cNvPr id="123" name="フローチャート: 判断 122"/>
        <xdr:cNvSpPr/>
      </xdr:nvSpPr>
      <xdr:spPr>
        <a:xfrm>
          <a:off x="7670800" y="64338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50800</xdr:rowOff>
    </xdr:from>
    <xdr:to>
      <xdr:col>41</xdr:col>
      <xdr:colOff>101600</xdr:colOff>
      <xdr:row>38</xdr:row>
      <xdr:rowOff>152400</xdr:rowOff>
    </xdr:to>
    <xdr:sp macro="" textlink="">
      <xdr:nvSpPr>
        <xdr:cNvPr id="124" name="フローチャート: 判断 123"/>
        <xdr:cNvSpPr/>
      </xdr:nvSpPr>
      <xdr:spPr>
        <a:xfrm>
          <a:off x="6873240" y="6421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63500</xdr:rowOff>
    </xdr:from>
    <xdr:to>
      <xdr:col>36</xdr:col>
      <xdr:colOff>165100</xdr:colOff>
      <xdr:row>38</xdr:row>
      <xdr:rowOff>165100</xdr:rowOff>
    </xdr:to>
    <xdr:sp macro="" textlink="">
      <xdr:nvSpPr>
        <xdr:cNvPr id="125" name="フローチャート: 判断 124"/>
        <xdr:cNvSpPr/>
      </xdr:nvSpPr>
      <xdr:spPr>
        <a:xfrm>
          <a:off x="609854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2400</xdr:rowOff>
    </xdr:from>
    <xdr:to>
      <xdr:col>55</xdr:col>
      <xdr:colOff>50800</xdr:colOff>
      <xdr:row>41</xdr:row>
      <xdr:rowOff>82550</xdr:rowOff>
    </xdr:to>
    <xdr:sp macro="" textlink="">
      <xdr:nvSpPr>
        <xdr:cNvPr id="131" name="楕円 130"/>
        <xdr:cNvSpPr/>
      </xdr:nvSpPr>
      <xdr:spPr>
        <a:xfrm>
          <a:off x="9192260" y="68580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7327</xdr:rowOff>
    </xdr:from>
    <xdr:ext cx="469744" cy="259045"/>
    <xdr:sp macro="" textlink="">
      <xdr:nvSpPr>
        <xdr:cNvPr id="132" name="【図書館】&#10;一人当たり面積該当値テキスト"/>
        <xdr:cNvSpPr txBox="1"/>
      </xdr:nvSpPr>
      <xdr:spPr>
        <a:xfrm>
          <a:off x="9258300" y="677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2400</xdr:rowOff>
    </xdr:from>
    <xdr:to>
      <xdr:col>50</xdr:col>
      <xdr:colOff>165100</xdr:colOff>
      <xdr:row>41</xdr:row>
      <xdr:rowOff>82550</xdr:rowOff>
    </xdr:to>
    <xdr:sp macro="" textlink="">
      <xdr:nvSpPr>
        <xdr:cNvPr id="133" name="楕円 132"/>
        <xdr:cNvSpPr/>
      </xdr:nvSpPr>
      <xdr:spPr>
        <a:xfrm>
          <a:off x="8445500" y="68580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1750</xdr:rowOff>
    </xdr:from>
    <xdr:to>
      <xdr:col>55</xdr:col>
      <xdr:colOff>0</xdr:colOff>
      <xdr:row>41</xdr:row>
      <xdr:rowOff>31750</xdr:rowOff>
    </xdr:to>
    <xdr:cxnSp macro="">
      <xdr:nvCxnSpPr>
        <xdr:cNvPr id="134" name="直線コネクタ 133"/>
        <xdr:cNvCxnSpPr/>
      </xdr:nvCxnSpPr>
      <xdr:spPr>
        <a:xfrm>
          <a:off x="8496300" y="690499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2400</xdr:rowOff>
    </xdr:from>
    <xdr:to>
      <xdr:col>46</xdr:col>
      <xdr:colOff>38100</xdr:colOff>
      <xdr:row>41</xdr:row>
      <xdr:rowOff>82550</xdr:rowOff>
    </xdr:to>
    <xdr:sp macro="" textlink="">
      <xdr:nvSpPr>
        <xdr:cNvPr id="135" name="楕円 134"/>
        <xdr:cNvSpPr/>
      </xdr:nvSpPr>
      <xdr:spPr>
        <a:xfrm>
          <a:off x="7670800" y="68580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1750</xdr:rowOff>
    </xdr:from>
    <xdr:to>
      <xdr:col>50</xdr:col>
      <xdr:colOff>114300</xdr:colOff>
      <xdr:row>41</xdr:row>
      <xdr:rowOff>31750</xdr:rowOff>
    </xdr:to>
    <xdr:cxnSp macro="">
      <xdr:nvCxnSpPr>
        <xdr:cNvPr id="136" name="直線コネクタ 135"/>
        <xdr:cNvCxnSpPr/>
      </xdr:nvCxnSpPr>
      <xdr:spPr>
        <a:xfrm>
          <a:off x="7713980" y="690499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2400</xdr:rowOff>
    </xdr:from>
    <xdr:to>
      <xdr:col>41</xdr:col>
      <xdr:colOff>101600</xdr:colOff>
      <xdr:row>41</xdr:row>
      <xdr:rowOff>82550</xdr:rowOff>
    </xdr:to>
    <xdr:sp macro="" textlink="">
      <xdr:nvSpPr>
        <xdr:cNvPr id="137" name="楕円 136"/>
        <xdr:cNvSpPr/>
      </xdr:nvSpPr>
      <xdr:spPr>
        <a:xfrm>
          <a:off x="6873240" y="68580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1750</xdr:rowOff>
    </xdr:from>
    <xdr:to>
      <xdr:col>45</xdr:col>
      <xdr:colOff>177800</xdr:colOff>
      <xdr:row>41</xdr:row>
      <xdr:rowOff>31750</xdr:rowOff>
    </xdr:to>
    <xdr:cxnSp macro="">
      <xdr:nvCxnSpPr>
        <xdr:cNvPr id="138" name="直線コネクタ 137"/>
        <xdr:cNvCxnSpPr/>
      </xdr:nvCxnSpPr>
      <xdr:spPr>
        <a:xfrm>
          <a:off x="6924040" y="690499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52400</xdr:rowOff>
    </xdr:from>
    <xdr:to>
      <xdr:col>36</xdr:col>
      <xdr:colOff>165100</xdr:colOff>
      <xdr:row>41</xdr:row>
      <xdr:rowOff>82550</xdr:rowOff>
    </xdr:to>
    <xdr:sp macro="" textlink="">
      <xdr:nvSpPr>
        <xdr:cNvPr id="139" name="楕円 138"/>
        <xdr:cNvSpPr/>
      </xdr:nvSpPr>
      <xdr:spPr>
        <a:xfrm>
          <a:off x="6098540" y="68580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1750</xdr:rowOff>
    </xdr:from>
    <xdr:to>
      <xdr:col>41</xdr:col>
      <xdr:colOff>50800</xdr:colOff>
      <xdr:row>41</xdr:row>
      <xdr:rowOff>31750</xdr:rowOff>
    </xdr:to>
    <xdr:cxnSp macro="">
      <xdr:nvCxnSpPr>
        <xdr:cNvPr id="140" name="直線コネクタ 139"/>
        <xdr:cNvCxnSpPr/>
      </xdr:nvCxnSpPr>
      <xdr:spPr>
        <a:xfrm>
          <a:off x="6149340" y="690499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0177</xdr:rowOff>
    </xdr:from>
    <xdr:ext cx="469744" cy="259045"/>
    <xdr:sp macro="" textlink="">
      <xdr:nvSpPr>
        <xdr:cNvPr id="141" name="n_1aveValue【図書館】&#10;一人当たり面積"/>
        <xdr:cNvSpPr txBox="1"/>
      </xdr:nvSpPr>
      <xdr:spPr>
        <a:xfrm>
          <a:off x="8271587" y="6212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0177</xdr:rowOff>
    </xdr:from>
    <xdr:ext cx="469744" cy="259045"/>
    <xdr:sp macro="" textlink="">
      <xdr:nvSpPr>
        <xdr:cNvPr id="142" name="n_2aveValue【図書館】&#10;一人当たり面積"/>
        <xdr:cNvSpPr txBox="1"/>
      </xdr:nvSpPr>
      <xdr:spPr>
        <a:xfrm>
          <a:off x="7509587" y="6212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168927</xdr:rowOff>
    </xdr:from>
    <xdr:ext cx="469744" cy="259045"/>
    <xdr:sp macro="" textlink="">
      <xdr:nvSpPr>
        <xdr:cNvPr id="143" name="n_3aveValue【図書館】&#10;一人当たり面積"/>
        <xdr:cNvSpPr txBox="1"/>
      </xdr:nvSpPr>
      <xdr:spPr>
        <a:xfrm>
          <a:off x="6712027" y="6203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0177</xdr:rowOff>
    </xdr:from>
    <xdr:ext cx="469744" cy="259045"/>
    <xdr:sp macro="" textlink="">
      <xdr:nvSpPr>
        <xdr:cNvPr id="144" name="n_4aveValue【図書館】&#10;一人当たり面積"/>
        <xdr:cNvSpPr txBox="1"/>
      </xdr:nvSpPr>
      <xdr:spPr>
        <a:xfrm>
          <a:off x="5937327" y="6212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3677</xdr:rowOff>
    </xdr:from>
    <xdr:ext cx="469744" cy="259045"/>
    <xdr:sp macro="" textlink="">
      <xdr:nvSpPr>
        <xdr:cNvPr id="145" name="n_1mainValue【図書館】&#10;一人当たり面積"/>
        <xdr:cNvSpPr txBox="1"/>
      </xdr:nvSpPr>
      <xdr:spPr>
        <a:xfrm>
          <a:off x="8271587" y="6946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3677</xdr:rowOff>
    </xdr:from>
    <xdr:ext cx="469744" cy="259045"/>
    <xdr:sp macro="" textlink="">
      <xdr:nvSpPr>
        <xdr:cNvPr id="146" name="n_2mainValue【図書館】&#10;一人当たり面積"/>
        <xdr:cNvSpPr txBox="1"/>
      </xdr:nvSpPr>
      <xdr:spPr>
        <a:xfrm>
          <a:off x="7509587" y="6946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73677</xdr:rowOff>
    </xdr:from>
    <xdr:ext cx="469744" cy="259045"/>
    <xdr:sp macro="" textlink="">
      <xdr:nvSpPr>
        <xdr:cNvPr id="147" name="n_3mainValue【図書館】&#10;一人当たり面積"/>
        <xdr:cNvSpPr txBox="1"/>
      </xdr:nvSpPr>
      <xdr:spPr>
        <a:xfrm>
          <a:off x="6712027" y="6946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73677</xdr:rowOff>
    </xdr:from>
    <xdr:ext cx="469744" cy="259045"/>
    <xdr:sp macro="" textlink="">
      <xdr:nvSpPr>
        <xdr:cNvPr id="148" name="n_4mainValue【図書館】&#10;一人当たり面積"/>
        <xdr:cNvSpPr txBox="1"/>
      </xdr:nvSpPr>
      <xdr:spPr>
        <a:xfrm>
          <a:off x="5937327" y="6946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5923</xdr:rowOff>
    </xdr:from>
    <xdr:to>
      <xdr:col>24</xdr:col>
      <xdr:colOff>62865</xdr:colOff>
      <xdr:row>64</xdr:row>
      <xdr:rowOff>130628</xdr:rowOff>
    </xdr:to>
    <xdr:cxnSp macro="">
      <xdr:nvCxnSpPr>
        <xdr:cNvPr id="174" name="直線コネクタ 173"/>
        <xdr:cNvCxnSpPr/>
      </xdr:nvCxnSpPr>
      <xdr:spPr>
        <a:xfrm flipV="1">
          <a:off x="4086225" y="9423763"/>
          <a:ext cx="0" cy="1435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xdr:cNvSpPr txBox="1"/>
      </xdr:nvSpPr>
      <xdr:spPr>
        <a:xfrm>
          <a:off x="412496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xdr:cNvCxnSpPr/>
      </xdr:nvCxnSpPr>
      <xdr:spPr>
        <a:xfrm>
          <a:off x="402082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54050</xdr:rowOff>
    </xdr:from>
    <xdr:ext cx="405111" cy="259045"/>
    <xdr:sp macro="" textlink="">
      <xdr:nvSpPr>
        <xdr:cNvPr id="177" name="【体育館・プール】&#10;有形固定資産減価償却率最大値テキスト"/>
        <xdr:cNvSpPr txBox="1"/>
      </xdr:nvSpPr>
      <xdr:spPr>
        <a:xfrm>
          <a:off x="4124960" y="9206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5923</xdr:rowOff>
    </xdr:from>
    <xdr:to>
      <xdr:col>24</xdr:col>
      <xdr:colOff>152400</xdr:colOff>
      <xdr:row>56</xdr:row>
      <xdr:rowOff>35923</xdr:rowOff>
    </xdr:to>
    <xdr:cxnSp macro="">
      <xdr:nvCxnSpPr>
        <xdr:cNvPr id="178" name="直線コネクタ 177"/>
        <xdr:cNvCxnSpPr/>
      </xdr:nvCxnSpPr>
      <xdr:spPr>
        <a:xfrm>
          <a:off x="4020820" y="942376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30101</xdr:rowOff>
    </xdr:from>
    <xdr:ext cx="405111" cy="259045"/>
    <xdr:sp macro="" textlink="">
      <xdr:nvSpPr>
        <xdr:cNvPr id="179" name="【体育館・プール】&#10;有形固定資産減価償却率平均値テキスト"/>
        <xdr:cNvSpPr txBox="1"/>
      </xdr:nvSpPr>
      <xdr:spPr>
        <a:xfrm>
          <a:off x="4124960" y="101885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1674</xdr:rowOff>
    </xdr:from>
    <xdr:to>
      <xdr:col>24</xdr:col>
      <xdr:colOff>114300</xdr:colOff>
      <xdr:row>61</xdr:row>
      <xdr:rowOff>81824</xdr:rowOff>
    </xdr:to>
    <xdr:sp macro="" textlink="">
      <xdr:nvSpPr>
        <xdr:cNvPr id="180" name="フローチャート: 判断 179"/>
        <xdr:cNvSpPr/>
      </xdr:nvSpPr>
      <xdr:spPr>
        <a:xfrm>
          <a:off x="4036060" y="102100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41877</xdr:rowOff>
    </xdr:from>
    <xdr:to>
      <xdr:col>20</xdr:col>
      <xdr:colOff>38100</xdr:colOff>
      <xdr:row>61</xdr:row>
      <xdr:rowOff>72027</xdr:rowOff>
    </xdr:to>
    <xdr:sp macro="" textlink="">
      <xdr:nvSpPr>
        <xdr:cNvPr id="181" name="フローチャート: 判断 180"/>
        <xdr:cNvSpPr/>
      </xdr:nvSpPr>
      <xdr:spPr>
        <a:xfrm>
          <a:off x="3312160" y="1020027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61472</xdr:rowOff>
    </xdr:from>
    <xdr:to>
      <xdr:col>15</xdr:col>
      <xdr:colOff>101600</xdr:colOff>
      <xdr:row>61</xdr:row>
      <xdr:rowOff>91622</xdr:rowOff>
    </xdr:to>
    <xdr:sp macro="" textlink="">
      <xdr:nvSpPr>
        <xdr:cNvPr id="182" name="フローチャート: 判断 181"/>
        <xdr:cNvSpPr/>
      </xdr:nvSpPr>
      <xdr:spPr>
        <a:xfrm>
          <a:off x="2514600" y="102198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20650</xdr:rowOff>
    </xdr:from>
    <xdr:to>
      <xdr:col>10</xdr:col>
      <xdr:colOff>165100</xdr:colOff>
      <xdr:row>61</xdr:row>
      <xdr:rowOff>50800</xdr:rowOff>
    </xdr:to>
    <xdr:sp macro="" textlink="">
      <xdr:nvSpPr>
        <xdr:cNvPr id="183" name="フローチャート: 判断 182"/>
        <xdr:cNvSpPr/>
      </xdr:nvSpPr>
      <xdr:spPr>
        <a:xfrm>
          <a:off x="1739900" y="101790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17384</xdr:rowOff>
    </xdr:from>
    <xdr:to>
      <xdr:col>6</xdr:col>
      <xdr:colOff>38100</xdr:colOff>
      <xdr:row>61</xdr:row>
      <xdr:rowOff>47534</xdr:rowOff>
    </xdr:to>
    <xdr:sp macro="" textlink="">
      <xdr:nvSpPr>
        <xdr:cNvPr id="184" name="フローチャート: 判断 183"/>
        <xdr:cNvSpPr/>
      </xdr:nvSpPr>
      <xdr:spPr>
        <a:xfrm>
          <a:off x="965200" y="1017578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86360</xdr:rowOff>
    </xdr:from>
    <xdr:to>
      <xdr:col>24</xdr:col>
      <xdr:colOff>114300</xdr:colOff>
      <xdr:row>60</xdr:row>
      <xdr:rowOff>16510</xdr:rowOff>
    </xdr:to>
    <xdr:sp macro="" textlink="">
      <xdr:nvSpPr>
        <xdr:cNvPr id="190" name="楕円 189"/>
        <xdr:cNvSpPr/>
      </xdr:nvSpPr>
      <xdr:spPr>
        <a:xfrm>
          <a:off x="4036060" y="99771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09237</xdr:rowOff>
    </xdr:from>
    <xdr:ext cx="405111" cy="259045"/>
    <xdr:sp macro="" textlink="">
      <xdr:nvSpPr>
        <xdr:cNvPr id="191" name="【体育館・プール】&#10;有形固定資産減価償却率該当値テキスト"/>
        <xdr:cNvSpPr txBox="1"/>
      </xdr:nvSpPr>
      <xdr:spPr>
        <a:xfrm>
          <a:off x="4124960" y="983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54940</xdr:rowOff>
    </xdr:from>
    <xdr:to>
      <xdr:col>20</xdr:col>
      <xdr:colOff>38100</xdr:colOff>
      <xdr:row>60</xdr:row>
      <xdr:rowOff>85090</xdr:rowOff>
    </xdr:to>
    <xdr:sp macro="" textlink="">
      <xdr:nvSpPr>
        <xdr:cNvPr id="192" name="楕円 191"/>
        <xdr:cNvSpPr/>
      </xdr:nvSpPr>
      <xdr:spPr>
        <a:xfrm>
          <a:off x="3312160" y="100457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37160</xdr:rowOff>
    </xdr:from>
    <xdr:to>
      <xdr:col>24</xdr:col>
      <xdr:colOff>63500</xdr:colOff>
      <xdr:row>60</xdr:row>
      <xdr:rowOff>34290</xdr:rowOff>
    </xdr:to>
    <xdr:cxnSp macro="">
      <xdr:nvCxnSpPr>
        <xdr:cNvPr id="193" name="直線コネクタ 192"/>
        <xdr:cNvCxnSpPr/>
      </xdr:nvCxnSpPr>
      <xdr:spPr>
        <a:xfrm flipV="1">
          <a:off x="3355340" y="10027920"/>
          <a:ext cx="73152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97790</xdr:rowOff>
    </xdr:from>
    <xdr:to>
      <xdr:col>15</xdr:col>
      <xdr:colOff>101600</xdr:colOff>
      <xdr:row>60</xdr:row>
      <xdr:rowOff>27940</xdr:rowOff>
    </xdr:to>
    <xdr:sp macro="" textlink="">
      <xdr:nvSpPr>
        <xdr:cNvPr id="194" name="楕円 193"/>
        <xdr:cNvSpPr/>
      </xdr:nvSpPr>
      <xdr:spPr>
        <a:xfrm>
          <a:off x="2514600" y="99885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48590</xdr:rowOff>
    </xdr:from>
    <xdr:to>
      <xdr:col>19</xdr:col>
      <xdr:colOff>177800</xdr:colOff>
      <xdr:row>60</xdr:row>
      <xdr:rowOff>34290</xdr:rowOff>
    </xdr:to>
    <xdr:cxnSp macro="">
      <xdr:nvCxnSpPr>
        <xdr:cNvPr id="195" name="直線コネクタ 194"/>
        <xdr:cNvCxnSpPr/>
      </xdr:nvCxnSpPr>
      <xdr:spPr>
        <a:xfrm>
          <a:off x="2565400" y="10039350"/>
          <a:ext cx="78994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61867</xdr:rowOff>
    </xdr:from>
    <xdr:to>
      <xdr:col>10</xdr:col>
      <xdr:colOff>165100</xdr:colOff>
      <xdr:row>59</xdr:row>
      <xdr:rowOff>163467</xdr:rowOff>
    </xdr:to>
    <xdr:sp macro="" textlink="">
      <xdr:nvSpPr>
        <xdr:cNvPr id="196" name="楕円 195"/>
        <xdr:cNvSpPr/>
      </xdr:nvSpPr>
      <xdr:spPr>
        <a:xfrm>
          <a:off x="1739900" y="9952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12667</xdr:rowOff>
    </xdr:from>
    <xdr:to>
      <xdr:col>15</xdr:col>
      <xdr:colOff>50800</xdr:colOff>
      <xdr:row>59</xdr:row>
      <xdr:rowOff>148590</xdr:rowOff>
    </xdr:to>
    <xdr:cxnSp macro="">
      <xdr:nvCxnSpPr>
        <xdr:cNvPr id="197" name="直線コネクタ 196"/>
        <xdr:cNvCxnSpPr/>
      </xdr:nvCxnSpPr>
      <xdr:spPr>
        <a:xfrm>
          <a:off x="1790700" y="10003427"/>
          <a:ext cx="7747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45538</xdr:rowOff>
    </xdr:from>
    <xdr:to>
      <xdr:col>6</xdr:col>
      <xdr:colOff>38100</xdr:colOff>
      <xdr:row>59</xdr:row>
      <xdr:rowOff>147138</xdr:rowOff>
    </xdr:to>
    <xdr:sp macro="" textlink="">
      <xdr:nvSpPr>
        <xdr:cNvPr id="198" name="楕円 197"/>
        <xdr:cNvSpPr/>
      </xdr:nvSpPr>
      <xdr:spPr>
        <a:xfrm>
          <a:off x="965200" y="993629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96338</xdr:rowOff>
    </xdr:from>
    <xdr:to>
      <xdr:col>10</xdr:col>
      <xdr:colOff>114300</xdr:colOff>
      <xdr:row>59</xdr:row>
      <xdr:rowOff>112667</xdr:rowOff>
    </xdr:to>
    <xdr:cxnSp macro="">
      <xdr:nvCxnSpPr>
        <xdr:cNvPr id="199" name="直線コネクタ 198"/>
        <xdr:cNvCxnSpPr/>
      </xdr:nvCxnSpPr>
      <xdr:spPr>
        <a:xfrm>
          <a:off x="1008380" y="9987098"/>
          <a:ext cx="78232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63154</xdr:rowOff>
    </xdr:from>
    <xdr:ext cx="405111" cy="259045"/>
    <xdr:sp macro="" textlink="">
      <xdr:nvSpPr>
        <xdr:cNvPr id="200" name="n_1aveValue【体育館・プール】&#10;有形固定資産減価償却率"/>
        <xdr:cNvSpPr txBox="1"/>
      </xdr:nvSpPr>
      <xdr:spPr>
        <a:xfrm>
          <a:off x="3170564" y="102891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82749</xdr:rowOff>
    </xdr:from>
    <xdr:ext cx="405111" cy="259045"/>
    <xdr:sp macro="" textlink="">
      <xdr:nvSpPr>
        <xdr:cNvPr id="201" name="n_2aveValue【体育館・プール】&#10;有形固定資産減価償却率"/>
        <xdr:cNvSpPr txBox="1"/>
      </xdr:nvSpPr>
      <xdr:spPr>
        <a:xfrm>
          <a:off x="2385704" y="103087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41927</xdr:rowOff>
    </xdr:from>
    <xdr:ext cx="405111" cy="259045"/>
    <xdr:sp macro="" textlink="">
      <xdr:nvSpPr>
        <xdr:cNvPr id="202" name="n_3aveValue【体育館・プール】&#10;有形固定資産減価償却率"/>
        <xdr:cNvSpPr txBox="1"/>
      </xdr:nvSpPr>
      <xdr:spPr>
        <a:xfrm>
          <a:off x="1611004" y="10267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38661</xdr:rowOff>
    </xdr:from>
    <xdr:ext cx="405111" cy="259045"/>
    <xdr:sp macro="" textlink="">
      <xdr:nvSpPr>
        <xdr:cNvPr id="203" name="n_4aveValue【体育館・プール】&#10;有形固定資産減価償却率"/>
        <xdr:cNvSpPr txBox="1"/>
      </xdr:nvSpPr>
      <xdr:spPr>
        <a:xfrm>
          <a:off x="836304" y="10264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01617</xdr:rowOff>
    </xdr:from>
    <xdr:ext cx="405111" cy="259045"/>
    <xdr:sp macro="" textlink="">
      <xdr:nvSpPr>
        <xdr:cNvPr id="204" name="n_1mainValue【体育館・プール】&#10;有形固定資産減価償却率"/>
        <xdr:cNvSpPr txBox="1"/>
      </xdr:nvSpPr>
      <xdr:spPr>
        <a:xfrm>
          <a:off x="3170564" y="9824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44467</xdr:rowOff>
    </xdr:from>
    <xdr:ext cx="405111" cy="259045"/>
    <xdr:sp macro="" textlink="">
      <xdr:nvSpPr>
        <xdr:cNvPr id="205" name="n_2mainValue【体育館・プール】&#10;有形固定資産減価償却率"/>
        <xdr:cNvSpPr txBox="1"/>
      </xdr:nvSpPr>
      <xdr:spPr>
        <a:xfrm>
          <a:off x="2385704" y="9767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8544</xdr:rowOff>
    </xdr:from>
    <xdr:ext cx="405111" cy="259045"/>
    <xdr:sp macro="" textlink="">
      <xdr:nvSpPr>
        <xdr:cNvPr id="206" name="n_3mainValue【体育館・プール】&#10;有形固定資産減価償却率"/>
        <xdr:cNvSpPr txBox="1"/>
      </xdr:nvSpPr>
      <xdr:spPr>
        <a:xfrm>
          <a:off x="1611004" y="9731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63665</xdr:rowOff>
    </xdr:from>
    <xdr:ext cx="405111" cy="259045"/>
    <xdr:sp macro="" textlink="">
      <xdr:nvSpPr>
        <xdr:cNvPr id="207" name="n_4mainValue【体育館・プール】&#10;有形固定資産減価償却率"/>
        <xdr:cNvSpPr txBox="1"/>
      </xdr:nvSpPr>
      <xdr:spPr>
        <a:xfrm>
          <a:off x="836304" y="97191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7620</xdr:rowOff>
    </xdr:from>
    <xdr:to>
      <xdr:col>54</xdr:col>
      <xdr:colOff>189865</xdr:colOff>
      <xdr:row>64</xdr:row>
      <xdr:rowOff>60960</xdr:rowOff>
    </xdr:to>
    <xdr:cxnSp macro="">
      <xdr:nvCxnSpPr>
        <xdr:cNvPr id="231" name="直線コネクタ 230"/>
        <xdr:cNvCxnSpPr/>
      </xdr:nvCxnSpPr>
      <xdr:spPr>
        <a:xfrm flipV="1">
          <a:off x="9219565" y="9563100"/>
          <a:ext cx="0" cy="1226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4787</xdr:rowOff>
    </xdr:from>
    <xdr:ext cx="469744" cy="259045"/>
    <xdr:sp macro="" textlink="">
      <xdr:nvSpPr>
        <xdr:cNvPr id="232" name="【体育館・プール】&#10;一人当たり面積最小値テキスト"/>
        <xdr:cNvSpPr txBox="1"/>
      </xdr:nvSpPr>
      <xdr:spPr>
        <a:xfrm>
          <a:off x="9258300" y="1079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0960</xdr:rowOff>
    </xdr:from>
    <xdr:to>
      <xdr:col>55</xdr:col>
      <xdr:colOff>88900</xdr:colOff>
      <xdr:row>64</xdr:row>
      <xdr:rowOff>60960</xdr:rowOff>
    </xdr:to>
    <xdr:cxnSp macro="">
      <xdr:nvCxnSpPr>
        <xdr:cNvPr id="233" name="直線コネクタ 232"/>
        <xdr:cNvCxnSpPr/>
      </xdr:nvCxnSpPr>
      <xdr:spPr>
        <a:xfrm>
          <a:off x="9154160" y="1078992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25747</xdr:rowOff>
    </xdr:from>
    <xdr:ext cx="469744" cy="259045"/>
    <xdr:sp macro="" textlink="">
      <xdr:nvSpPr>
        <xdr:cNvPr id="234" name="【体育館・プール】&#10;一人当たり面積最大値テキスト"/>
        <xdr:cNvSpPr txBox="1"/>
      </xdr:nvSpPr>
      <xdr:spPr>
        <a:xfrm>
          <a:off x="9258300" y="9345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7620</xdr:rowOff>
    </xdr:from>
    <xdr:to>
      <xdr:col>55</xdr:col>
      <xdr:colOff>88900</xdr:colOff>
      <xdr:row>57</xdr:row>
      <xdr:rowOff>7620</xdr:rowOff>
    </xdr:to>
    <xdr:cxnSp macro="">
      <xdr:nvCxnSpPr>
        <xdr:cNvPr id="235" name="直線コネクタ 234"/>
        <xdr:cNvCxnSpPr/>
      </xdr:nvCxnSpPr>
      <xdr:spPr>
        <a:xfrm>
          <a:off x="9154160" y="95631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8277</xdr:rowOff>
    </xdr:from>
    <xdr:ext cx="469744" cy="259045"/>
    <xdr:sp macro="" textlink="">
      <xdr:nvSpPr>
        <xdr:cNvPr id="236" name="【体育館・プール】&#10;一人当たり面積平均値テキスト"/>
        <xdr:cNvSpPr txBox="1"/>
      </xdr:nvSpPr>
      <xdr:spPr>
        <a:xfrm>
          <a:off x="9258300" y="102743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25400</xdr:rowOff>
    </xdr:from>
    <xdr:to>
      <xdr:col>55</xdr:col>
      <xdr:colOff>50800</xdr:colOff>
      <xdr:row>62</xdr:row>
      <xdr:rowOff>127000</xdr:rowOff>
    </xdr:to>
    <xdr:sp macro="" textlink="">
      <xdr:nvSpPr>
        <xdr:cNvPr id="237" name="フローチャート: 判断 236"/>
        <xdr:cNvSpPr/>
      </xdr:nvSpPr>
      <xdr:spPr>
        <a:xfrm>
          <a:off x="9192260" y="104190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2065</xdr:rowOff>
    </xdr:from>
    <xdr:to>
      <xdr:col>50</xdr:col>
      <xdr:colOff>165100</xdr:colOff>
      <xdr:row>62</xdr:row>
      <xdr:rowOff>113665</xdr:rowOff>
    </xdr:to>
    <xdr:sp macro="" textlink="">
      <xdr:nvSpPr>
        <xdr:cNvPr id="238" name="フローチャート: 判断 237"/>
        <xdr:cNvSpPr/>
      </xdr:nvSpPr>
      <xdr:spPr>
        <a:xfrm>
          <a:off x="8445500" y="10405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01600</xdr:rowOff>
    </xdr:from>
    <xdr:to>
      <xdr:col>46</xdr:col>
      <xdr:colOff>38100</xdr:colOff>
      <xdr:row>62</xdr:row>
      <xdr:rowOff>31750</xdr:rowOff>
    </xdr:to>
    <xdr:sp macro="" textlink="">
      <xdr:nvSpPr>
        <xdr:cNvPr id="239" name="フローチャート: 判断 238"/>
        <xdr:cNvSpPr/>
      </xdr:nvSpPr>
      <xdr:spPr>
        <a:xfrm>
          <a:off x="7670800" y="103276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03505</xdr:rowOff>
    </xdr:from>
    <xdr:to>
      <xdr:col>41</xdr:col>
      <xdr:colOff>101600</xdr:colOff>
      <xdr:row>62</xdr:row>
      <xdr:rowOff>33655</xdr:rowOff>
    </xdr:to>
    <xdr:sp macro="" textlink="">
      <xdr:nvSpPr>
        <xdr:cNvPr id="240" name="フローチャート: 判断 239"/>
        <xdr:cNvSpPr/>
      </xdr:nvSpPr>
      <xdr:spPr>
        <a:xfrm>
          <a:off x="6873240" y="103295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2545</xdr:rowOff>
    </xdr:from>
    <xdr:to>
      <xdr:col>36</xdr:col>
      <xdr:colOff>165100</xdr:colOff>
      <xdr:row>62</xdr:row>
      <xdr:rowOff>144145</xdr:rowOff>
    </xdr:to>
    <xdr:sp macro="" textlink="">
      <xdr:nvSpPr>
        <xdr:cNvPr id="241" name="フローチャート: 判断 240"/>
        <xdr:cNvSpPr/>
      </xdr:nvSpPr>
      <xdr:spPr>
        <a:xfrm>
          <a:off x="6098540" y="1043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6370</xdr:rowOff>
    </xdr:from>
    <xdr:to>
      <xdr:col>55</xdr:col>
      <xdr:colOff>50800</xdr:colOff>
      <xdr:row>63</xdr:row>
      <xdr:rowOff>96520</xdr:rowOff>
    </xdr:to>
    <xdr:sp macro="" textlink="">
      <xdr:nvSpPr>
        <xdr:cNvPr id="247" name="楕円 246"/>
        <xdr:cNvSpPr/>
      </xdr:nvSpPr>
      <xdr:spPr>
        <a:xfrm>
          <a:off x="9192260" y="105600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44797</xdr:rowOff>
    </xdr:from>
    <xdr:ext cx="469744" cy="259045"/>
    <xdr:sp macro="" textlink="">
      <xdr:nvSpPr>
        <xdr:cNvPr id="248" name="【体育館・プール】&#10;一人当たり面積該当値テキスト"/>
        <xdr:cNvSpPr txBox="1"/>
      </xdr:nvSpPr>
      <xdr:spPr>
        <a:xfrm>
          <a:off x="9258300" y="1053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68275</xdr:rowOff>
    </xdr:from>
    <xdr:to>
      <xdr:col>50</xdr:col>
      <xdr:colOff>165100</xdr:colOff>
      <xdr:row>63</xdr:row>
      <xdr:rowOff>98425</xdr:rowOff>
    </xdr:to>
    <xdr:sp macro="" textlink="">
      <xdr:nvSpPr>
        <xdr:cNvPr id="249" name="楕円 248"/>
        <xdr:cNvSpPr/>
      </xdr:nvSpPr>
      <xdr:spPr>
        <a:xfrm>
          <a:off x="8445500" y="105619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45720</xdr:rowOff>
    </xdr:from>
    <xdr:to>
      <xdr:col>55</xdr:col>
      <xdr:colOff>0</xdr:colOff>
      <xdr:row>63</xdr:row>
      <xdr:rowOff>47625</xdr:rowOff>
    </xdr:to>
    <xdr:cxnSp macro="">
      <xdr:nvCxnSpPr>
        <xdr:cNvPr id="250" name="直線コネクタ 249"/>
        <xdr:cNvCxnSpPr/>
      </xdr:nvCxnSpPr>
      <xdr:spPr>
        <a:xfrm flipV="1">
          <a:off x="8496300" y="10607040"/>
          <a:ext cx="7239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66370</xdr:rowOff>
    </xdr:from>
    <xdr:to>
      <xdr:col>46</xdr:col>
      <xdr:colOff>38100</xdr:colOff>
      <xdr:row>63</xdr:row>
      <xdr:rowOff>96520</xdr:rowOff>
    </xdr:to>
    <xdr:sp macro="" textlink="">
      <xdr:nvSpPr>
        <xdr:cNvPr id="251" name="楕円 250"/>
        <xdr:cNvSpPr/>
      </xdr:nvSpPr>
      <xdr:spPr>
        <a:xfrm>
          <a:off x="7670800" y="105600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45720</xdr:rowOff>
    </xdr:from>
    <xdr:to>
      <xdr:col>50</xdr:col>
      <xdr:colOff>114300</xdr:colOff>
      <xdr:row>63</xdr:row>
      <xdr:rowOff>47625</xdr:rowOff>
    </xdr:to>
    <xdr:cxnSp macro="">
      <xdr:nvCxnSpPr>
        <xdr:cNvPr id="252" name="直線コネクタ 251"/>
        <xdr:cNvCxnSpPr/>
      </xdr:nvCxnSpPr>
      <xdr:spPr>
        <a:xfrm>
          <a:off x="7713980" y="10607040"/>
          <a:ext cx="78232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66370</xdr:rowOff>
    </xdr:from>
    <xdr:to>
      <xdr:col>41</xdr:col>
      <xdr:colOff>101600</xdr:colOff>
      <xdr:row>63</xdr:row>
      <xdr:rowOff>96520</xdr:rowOff>
    </xdr:to>
    <xdr:sp macro="" textlink="">
      <xdr:nvSpPr>
        <xdr:cNvPr id="253" name="楕円 252"/>
        <xdr:cNvSpPr/>
      </xdr:nvSpPr>
      <xdr:spPr>
        <a:xfrm>
          <a:off x="6873240" y="105600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45720</xdr:rowOff>
    </xdr:from>
    <xdr:to>
      <xdr:col>45</xdr:col>
      <xdr:colOff>177800</xdr:colOff>
      <xdr:row>63</xdr:row>
      <xdr:rowOff>45720</xdr:rowOff>
    </xdr:to>
    <xdr:cxnSp macro="">
      <xdr:nvCxnSpPr>
        <xdr:cNvPr id="254" name="直線コネクタ 253"/>
        <xdr:cNvCxnSpPr/>
      </xdr:nvCxnSpPr>
      <xdr:spPr>
        <a:xfrm>
          <a:off x="6924040" y="1060704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68275</xdr:rowOff>
    </xdr:from>
    <xdr:to>
      <xdr:col>36</xdr:col>
      <xdr:colOff>165100</xdr:colOff>
      <xdr:row>63</xdr:row>
      <xdr:rowOff>98425</xdr:rowOff>
    </xdr:to>
    <xdr:sp macro="" textlink="">
      <xdr:nvSpPr>
        <xdr:cNvPr id="255" name="楕円 254"/>
        <xdr:cNvSpPr/>
      </xdr:nvSpPr>
      <xdr:spPr>
        <a:xfrm>
          <a:off x="6098540" y="105619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45720</xdr:rowOff>
    </xdr:from>
    <xdr:to>
      <xdr:col>41</xdr:col>
      <xdr:colOff>50800</xdr:colOff>
      <xdr:row>63</xdr:row>
      <xdr:rowOff>47625</xdr:rowOff>
    </xdr:to>
    <xdr:cxnSp macro="">
      <xdr:nvCxnSpPr>
        <xdr:cNvPr id="256" name="直線コネクタ 255"/>
        <xdr:cNvCxnSpPr/>
      </xdr:nvCxnSpPr>
      <xdr:spPr>
        <a:xfrm flipV="1">
          <a:off x="6149340" y="10607040"/>
          <a:ext cx="7747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30192</xdr:rowOff>
    </xdr:from>
    <xdr:ext cx="469744" cy="259045"/>
    <xdr:sp macro="" textlink="">
      <xdr:nvSpPr>
        <xdr:cNvPr id="257" name="n_1aveValue【体育館・プール】&#10;一人当たり面積"/>
        <xdr:cNvSpPr txBox="1"/>
      </xdr:nvSpPr>
      <xdr:spPr>
        <a:xfrm>
          <a:off x="8271587" y="10188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48277</xdr:rowOff>
    </xdr:from>
    <xdr:ext cx="469744" cy="259045"/>
    <xdr:sp macro="" textlink="">
      <xdr:nvSpPr>
        <xdr:cNvPr id="258" name="n_2aveValue【体育館・プール】&#10;一人当たり面積"/>
        <xdr:cNvSpPr txBox="1"/>
      </xdr:nvSpPr>
      <xdr:spPr>
        <a:xfrm>
          <a:off x="7509587" y="1010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50182</xdr:rowOff>
    </xdr:from>
    <xdr:ext cx="469744" cy="259045"/>
    <xdr:sp macro="" textlink="">
      <xdr:nvSpPr>
        <xdr:cNvPr id="259" name="n_3aveValue【体育館・プール】&#10;一人当たり面積"/>
        <xdr:cNvSpPr txBox="1"/>
      </xdr:nvSpPr>
      <xdr:spPr>
        <a:xfrm>
          <a:off x="6712027" y="10108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0672</xdr:rowOff>
    </xdr:from>
    <xdr:ext cx="469744" cy="259045"/>
    <xdr:sp macro="" textlink="">
      <xdr:nvSpPr>
        <xdr:cNvPr id="260" name="n_4aveValue【体育館・プール】&#10;一人当たり面積"/>
        <xdr:cNvSpPr txBox="1"/>
      </xdr:nvSpPr>
      <xdr:spPr>
        <a:xfrm>
          <a:off x="5937327" y="10219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89552</xdr:rowOff>
    </xdr:from>
    <xdr:ext cx="469744" cy="259045"/>
    <xdr:sp macro="" textlink="">
      <xdr:nvSpPr>
        <xdr:cNvPr id="261" name="n_1mainValue【体育館・プール】&#10;一人当たり面積"/>
        <xdr:cNvSpPr txBox="1"/>
      </xdr:nvSpPr>
      <xdr:spPr>
        <a:xfrm>
          <a:off x="8271587" y="10650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87647</xdr:rowOff>
    </xdr:from>
    <xdr:ext cx="469744" cy="259045"/>
    <xdr:sp macro="" textlink="">
      <xdr:nvSpPr>
        <xdr:cNvPr id="262" name="n_2mainValue【体育館・プール】&#10;一人当たり面積"/>
        <xdr:cNvSpPr txBox="1"/>
      </xdr:nvSpPr>
      <xdr:spPr>
        <a:xfrm>
          <a:off x="750958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87647</xdr:rowOff>
    </xdr:from>
    <xdr:ext cx="469744" cy="259045"/>
    <xdr:sp macro="" textlink="">
      <xdr:nvSpPr>
        <xdr:cNvPr id="263" name="n_3mainValue【体育館・プール】&#10;一人当たり面積"/>
        <xdr:cNvSpPr txBox="1"/>
      </xdr:nvSpPr>
      <xdr:spPr>
        <a:xfrm>
          <a:off x="671202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89552</xdr:rowOff>
    </xdr:from>
    <xdr:ext cx="469744" cy="259045"/>
    <xdr:sp macro="" textlink="">
      <xdr:nvSpPr>
        <xdr:cNvPr id="264" name="n_4mainValue【体育館・プール】&#10;一人当たり面積"/>
        <xdr:cNvSpPr txBox="1"/>
      </xdr:nvSpPr>
      <xdr:spPr>
        <a:xfrm>
          <a:off x="5937327" y="10650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9" name="テキスト ボックス 288"/>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0" name="直線コネクタ 289"/>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1" name="テキスト ボックス 290"/>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92" name="直線コネクタ 291"/>
        <xdr:cNvCxnSpPr/>
      </xdr:nvCxnSpPr>
      <xdr:spPr>
        <a:xfrm>
          <a:off x="67056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3" name="テキスト ボックス 292"/>
        <xdr:cNvSpPr txBox="1"/>
      </xdr:nvSpPr>
      <xdr:spPr>
        <a:xfrm>
          <a:off x="27196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4" name="直線コネクタ 293"/>
        <xdr:cNvCxnSpPr/>
      </xdr:nvCxnSpPr>
      <xdr:spPr>
        <a:xfrm>
          <a:off x="67056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5" name="テキスト ボックス 294"/>
        <xdr:cNvSpPr txBox="1"/>
      </xdr:nvSpPr>
      <xdr:spPr>
        <a:xfrm>
          <a:off x="33608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6" name="直線コネクタ 295"/>
        <xdr:cNvCxnSpPr/>
      </xdr:nvCxnSpPr>
      <xdr:spPr>
        <a:xfrm>
          <a:off x="67056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7" name="テキスト ボックス 296"/>
        <xdr:cNvSpPr txBox="1"/>
      </xdr:nvSpPr>
      <xdr:spPr>
        <a:xfrm>
          <a:off x="33608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8" name="直線コネクタ 297"/>
        <xdr:cNvCxnSpPr/>
      </xdr:nvCxnSpPr>
      <xdr:spPr>
        <a:xfrm>
          <a:off x="67056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9" name="テキスト ボックス 298"/>
        <xdr:cNvSpPr txBox="1"/>
      </xdr:nvSpPr>
      <xdr:spPr>
        <a:xfrm>
          <a:off x="33608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00" name="直線コネクタ 299"/>
        <xdr:cNvCxnSpPr/>
      </xdr:nvCxnSpPr>
      <xdr:spPr>
        <a:xfrm>
          <a:off x="67056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01" name="テキスト ボックス 300"/>
        <xdr:cNvSpPr txBox="1"/>
      </xdr:nvSpPr>
      <xdr:spPr>
        <a:xfrm>
          <a:off x="33608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02" name="直線コネクタ 301"/>
        <xdr:cNvCxnSpPr/>
      </xdr:nvCxnSpPr>
      <xdr:spPr>
        <a:xfrm>
          <a:off x="67056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3" name="テキスト ボックス 302"/>
        <xdr:cNvSpPr txBox="1"/>
      </xdr:nvSpPr>
      <xdr:spPr>
        <a:xfrm>
          <a:off x="37734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4" name="直線コネクタ 303"/>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5" name="【市民会館】&#10;有形固定資産減価償却率グラフ枠"/>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41514</xdr:rowOff>
    </xdr:from>
    <xdr:to>
      <xdr:col>24</xdr:col>
      <xdr:colOff>62865</xdr:colOff>
      <xdr:row>109</xdr:row>
      <xdr:rowOff>23949</xdr:rowOff>
    </xdr:to>
    <xdr:cxnSp macro="">
      <xdr:nvCxnSpPr>
        <xdr:cNvPr id="306" name="直線コネクタ 305"/>
        <xdr:cNvCxnSpPr/>
      </xdr:nvCxnSpPr>
      <xdr:spPr>
        <a:xfrm flipV="1">
          <a:off x="4086225" y="16905514"/>
          <a:ext cx="0" cy="13911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27776</xdr:rowOff>
    </xdr:from>
    <xdr:ext cx="405111" cy="259045"/>
    <xdr:sp macro="" textlink="">
      <xdr:nvSpPr>
        <xdr:cNvPr id="307" name="【市民会館】&#10;有形固定資産減価償却率最小値テキスト"/>
        <xdr:cNvSpPr txBox="1"/>
      </xdr:nvSpPr>
      <xdr:spPr>
        <a:xfrm>
          <a:off x="4124960" y="18300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23949</xdr:rowOff>
    </xdr:from>
    <xdr:to>
      <xdr:col>24</xdr:col>
      <xdr:colOff>152400</xdr:colOff>
      <xdr:row>109</xdr:row>
      <xdr:rowOff>23949</xdr:rowOff>
    </xdr:to>
    <xdr:cxnSp macro="">
      <xdr:nvCxnSpPr>
        <xdr:cNvPr id="308" name="直線コネクタ 307"/>
        <xdr:cNvCxnSpPr/>
      </xdr:nvCxnSpPr>
      <xdr:spPr>
        <a:xfrm>
          <a:off x="4020820" y="1829670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88191</xdr:rowOff>
    </xdr:from>
    <xdr:ext cx="405111" cy="259045"/>
    <xdr:sp macro="" textlink="">
      <xdr:nvSpPr>
        <xdr:cNvPr id="309" name="【市民会館】&#10;有形固定資産減価償却率最大値テキスト"/>
        <xdr:cNvSpPr txBox="1"/>
      </xdr:nvSpPr>
      <xdr:spPr>
        <a:xfrm>
          <a:off x="4124960" y="16684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41514</xdr:rowOff>
    </xdr:from>
    <xdr:to>
      <xdr:col>24</xdr:col>
      <xdr:colOff>152400</xdr:colOff>
      <xdr:row>100</xdr:row>
      <xdr:rowOff>141514</xdr:rowOff>
    </xdr:to>
    <xdr:cxnSp macro="">
      <xdr:nvCxnSpPr>
        <xdr:cNvPr id="310" name="直線コネクタ 309"/>
        <xdr:cNvCxnSpPr/>
      </xdr:nvCxnSpPr>
      <xdr:spPr>
        <a:xfrm>
          <a:off x="4020820" y="169055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85833</xdr:rowOff>
    </xdr:from>
    <xdr:ext cx="405111" cy="259045"/>
    <xdr:sp macro="" textlink="">
      <xdr:nvSpPr>
        <xdr:cNvPr id="311" name="【市民会館】&#10;有形固定資産減価償却率平均値テキスト"/>
        <xdr:cNvSpPr txBox="1"/>
      </xdr:nvSpPr>
      <xdr:spPr>
        <a:xfrm>
          <a:off x="4124960" y="173527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62956</xdr:rowOff>
    </xdr:from>
    <xdr:to>
      <xdr:col>24</xdr:col>
      <xdr:colOff>114300</xdr:colOff>
      <xdr:row>104</xdr:row>
      <xdr:rowOff>164556</xdr:rowOff>
    </xdr:to>
    <xdr:sp macro="" textlink="">
      <xdr:nvSpPr>
        <xdr:cNvPr id="312" name="フローチャート: 判断 311"/>
        <xdr:cNvSpPr/>
      </xdr:nvSpPr>
      <xdr:spPr>
        <a:xfrm>
          <a:off x="4036060" y="17497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8261</xdr:rowOff>
    </xdr:from>
    <xdr:to>
      <xdr:col>20</xdr:col>
      <xdr:colOff>38100</xdr:colOff>
      <xdr:row>104</xdr:row>
      <xdr:rowOff>149861</xdr:rowOff>
    </xdr:to>
    <xdr:sp macro="" textlink="">
      <xdr:nvSpPr>
        <xdr:cNvPr id="313" name="フローチャート: 判断 312"/>
        <xdr:cNvSpPr/>
      </xdr:nvSpPr>
      <xdr:spPr>
        <a:xfrm>
          <a:off x="3312160" y="1748282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36830</xdr:rowOff>
    </xdr:from>
    <xdr:to>
      <xdr:col>15</xdr:col>
      <xdr:colOff>101600</xdr:colOff>
      <xdr:row>104</xdr:row>
      <xdr:rowOff>138430</xdr:rowOff>
    </xdr:to>
    <xdr:sp macro="" textlink="">
      <xdr:nvSpPr>
        <xdr:cNvPr id="314" name="フローチャート: 判断 313"/>
        <xdr:cNvSpPr/>
      </xdr:nvSpPr>
      <xdr:spPr>
        <a:xfrm>
          <a:off x="2514600" y="17471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5602</xdr:rowOff>
    </xdr:from>
    <xdr:to>
      <xdr:col>10</xdr:col>
      <xdr:colOff>165100</xdr:colOff>
      <xdr:row>104</xdr:row>
      <xdr:rowOff>117202</xdr:rowOff>
    </xdr:to>
    <xdr:sp macro="" textlink="">
      <xdr:nvSpPr>
        <xdr:cNvPr id="315" name="フローチャート: 判断 314"/>
        <xdr:cNvSpPr/>
      </xdr:nvSpPr>
      <xdr:spPr>
        <a:xfrm>
          <a:off x="1739900" y="1745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30299</xdr:rowOff>
    </xdr:from>
    <xdr:to>
      <xdr:col>6</xdr:col>
      <xdr:colOff>38100</xdr:colOff>
      <xdr:row>104</xdr:row>
      <xdr:rowOff>131899</xdr:rowOff>
    </xdr:to>
    <xdr:sp macro="" textlink="">
      <xdr:nvSpPr>
        <xdr:cNvPr id="316" name="フローチャート: 判断 315"/>
        <xdr:cNvSpPr/>
      </xdr:nvSpPr>
      <xdr:spPr>
        <a:xfrm>
          <a:off x="965200" y="1746485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7" name="テキスト ボックス 316"/>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8" name="テキスト ボックス 317"/>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9" name="テキスト ボックス 318"/>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20" name="テキスト ボックス 319"/>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1" name="テキスト ボックス 320"/>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53158</xdr:rowOff>
    </xdr:from>
    <xdr:to>
      <xdr:col>24</xdr:col>
      <xdr:colOff>114300</xdr:colOff>
      <xdr:row>105</xdr:row>
      <xdr:rowOff>154758</xdr:rowOff>
    </xdr:to>
    <xdr:sp macro="" textlink="">
      <xdr:nvSpPr>
        <xdr:cNvPr id="322" name="楕円 321"/>
        <xdr:cNvSpPr/>
      </xdr:nvSpPr>
      <xdr:spPr>
        <a:xfrm>
          <a:off x="4036060" y="17655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31585</xdr:rowOff>
    </xdr:from>
    <xdr:ext cx="405111" cy="259045"/>
    <xdr:sp macro="" textlink="">
      <xdr:nvSpPr>
        <xdr:cNvPr id="323" name="【市民会館】&#10;有形固定資産減価償却率該当値テキスト"/>
        <xdr:cNvSpPr txBox="1"/>
      </xdr:nvSpPr>
      <xdr:spPr>
        <a:xfrm>
          <a:off x="4124960" y="17633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20501</xdr:rowOff>
    </xdr:from>
    <xdr:to>
      <xdr:col>20</xdr:col>
      <xdr:colOff>38100</xdr:colOff>
      <xdr:row>105</xdr:row>
      <xdr:rowOff>122101</xdr:rowOff>
    </xdr:to>
    <xdr:sp macro="" textlink="">
      <xdr:nvSpPr>
        <xdr:cNvPr id="324" name="楕円 323"/>
        <xdr:cNvSpPr/>
      </xdr:nvSpPr>
      <xdr:spPr>
        <a:xfrm>
          <a:off x="3312160" y="176227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71301</xdr:rowOff>
    </xdr:from>
    <xdr:to>
      <xdr:col>24</xdr:col>
      <xdr:colOff>63500</xdr:colOff>
      <xdr:row>105</xdr:row>
      <xdr:rowOff>103958</xdr:rowOff>
    </xdr:to>
    <xdr:cxnSp macro="">
      <xdr:nvCxnSpPr>
        <xdr:cNvPr id="325" name="直線コネクタ 324"/>
        <xdr:cNvCxnSpPr/>
      </xdr:nvCxnSpPr>
      <xdr:spPr>
        <a:xfrm>
          <a:off x="3355340" y="17673501"/>
          <a:ext cx="73152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62561</xdr:rowOff>
    </xdr:from>
    <xdr:to>
      <xdr:col>15</xdr:col>
      <xdr:colOff>101600</xdr:colOff>
      <xdr:row>105</xdr:row>
      <xdr:rowOff>92711</xdr:rowOff>
    </xdr:to>
    <xdr:sp macro="" textlink="">
      <xdr:nvSpPr>
        <xdr:cNvPr id="326" name="楕円 325"/>
        <xdr:cNvSpPr/>
      </xdr:nvSpPr>
      <xdr:spPr>
        <a:xfrm>
          <a:off x="2514600" y="1759712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41911</xdr:rowOff>
    </xdr:from>
    <xdr:to>
      <xdr:col>19</xdr:col>
      <xdr:colOff>177800</xdr:colOff>
      <xdr:row>105</xdr:row>
      <xdr:rowOff>71301</xdr:rowOff>
    </xdr:to>
    <xdr:cxnSp macro="">
      <xdr:nvCxnSpPr>
        <xdr:cNvPr id="327" name="直線コネクタ 326"/>
        <xdr:cNvCxnSpPr/>
      </xdr:nvCxnSpPr>
      <xdr:spPr>
        <a:xfrm>
          <a:off x="2565400" y="17644111"/>
          <a:ext cx="789940"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29902</xdr:rowOff>
    </xdr:from>
    <xdr:to>
      <xdr:col>10</xdr:col>
      <xdr:colOff>165100</xdr:colOff>
      <xdr:row>105</xdr:row>
      <xdr:rowOff>60052</xdr:rowOff>
    </xdr:to>
    <xdr:sp macro="" textlink="">
      <xdr:nvSpPr>
        <xdr:cNvPr id="328" name="楕円 327"/>
        <xdr:cNvSpPr/>
      </xdr:nvSpPr>
      <xdr:spPr>
        <a:xfrm>
          <a:off x="1739900" y="1756446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9252</xdr:rowOff>
    </xdr:from>
    <xdr:to>
      <xdr:col>15</xdr:col>
      <xdr:colOff>50800</xdr:colOff>
      <xdr:row>105</xdr:row>
      <xdr:rowOff>41911</xdr:rowOff>
    </xdr:to>
    <xdr:cxnSp macro="">
      <xdr:nvCxnSpPr>
        <xdr:cNvPr id="329" name="直線コネクタ 328"/>
        <xdr:cNvCxnSpPr/>
      </xdr:nvCxnSpPr>
      <xdr:spPr>
        <a:xfrm>
          <a:off x="1790700" y="17611452"/>
          <a:ext cx="774700"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97245</xdr:rowOff>
    </xdr:from>
    <xdr:to>
      <xdr:col>6</xdr:col>
      <xdr:colOff>38100</xdr:colOff>
      <xdr:row>105</xdr:row>
      <xdr:rowOff>27395</xdr:rowOff>
    </xdr:to>
    <xdr:sp macro="" textlink="">
      <xdr:nvSpPr>
        <xdr:cNvPr id="330" name="楕円 329"/>
        <xdr:cNvSpPr/>
      </xdr:nvSpPr>
      <xdr:spPr>
        <a:xfrm>
          <a:off x="965200" y="1753180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148045</xdr:rowOff>
    </xdr:from>
    <xdr:to>
      <xdr:col>10</xdr:col>
      <xdr:colOff>114300</xdr:colOff>
      <xdr:row>105</xdr:row>
      <xdr:rowOff>9252</xdr:rowOff>
    </xdr:to>
    <xdr:cxnSp macro="">
      <xdr:nvCxnSpPr>
        <xdr:cNvPr id="331" name="直線コネクタ 330"/>
        <xdr:cNvCxnSpPr/>
      </xdr:nvCxnSpPr>
      <xdr:spPr>
        <a:xfrm>
          <a:off x="1008380" y="17582605"/>
          <a:ext cx="782320" cy="28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66388</xdr:rowOff>
    </xdr:from>
    <xdr:ext cx="405111" cy="259045"/>
    <xdr:sp macro="" textlink="">
      <xdr:nvSpPr>
        <xdr:cNvPr id="332" name="n_1aveValue【市民会館】&#10;有形固定資産減価償却率"/>
        <xdr:cNvSpPr txBox="1"/>
      </xdr:nvSpPr>
      <xdr:spPr>
        <a:xfrm>
          <a:off x="3170564" y="172656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54957</xdr:rowOff>
    </xdr:from>
    <xdr:ext cx="405111" cy="259045"/>
    <xdr:sp macro="" textlink="">
      <xdr:nvSpPr>
        <xdr:cNvPr id="333" name="n_2aveValue【市民会館】&#10;有形固定資産減価償却率"/>
        <xdr:cNvSpPr txBox="1"/>
      </xdr:nvSpPr>
      <xdr:spPr>
        <a:xfrm>
          <a:off x="2385704" y="1725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33729</xdr:rowOff>
    </xdr:from>
    <xdr:ext cx="405111" cy="259045"/>
    <xdr:sp macro="" textlink="">
      <xdr:nvSpPr>
        <xdr:cNvPr id="334" name="n_3aveValue【市民会館】&#10;有形固定資産減価償却率"/>
        <xdr:cNvSpPr txBox="1"/>
      </xdr:nvSpPr>
      <xdr:spPr>
        <a:xfrm>
          <a:off x="1611004" y="172330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48426</xdr:rowOff>
    </xdr:from>
    <xdr:ext cx="405111" cy="259045"/>
    <xdr:sp macro="" textlink="">
      <xdr:nvSpPr>
        <xdr:cNvPr id="335" name="n_4aveValue【市民会館】&#10;有形固定資産減価償却率"/>
        <xdr:cNvSpPr txBox="1"/>
      </xdr:nvSpPr>
      <xdr:spPr>
        <a:xfrm>
          <a:off x="836304" y="17247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113228</xdr:rowOff>
    </xdr:from>
    <xdr:ext cx="405111" cy="259045"/>
    <xdr:sp macro="" textlink="">
      <xdr:nvSpPr>
        <xdr:cNvPr id="336" name="n_1mainValue【市民会館】&#10;有形固定資産減価償却率"/>
        <xdr:cNvSpPr txBox="1"/>
      </xdr:nvSpPr>
      <xdr:spPr>
        <a:xfrm>
          <a:off x="3170564" y="177154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83838</xdr:rowOff>
    </xdr:from>
    <xdr:ext cx="405111" cy="259045"/>
    <xdr:sp macro="" textlink="">
      <xdr:nvSpPr>
        <xdr:cNvPr id="337" name="n_2mainValue【市民会館】&#10;有形固定資産減価償却率"/>
        <xdr:cNvSpPr txBox="1"/>
      </xdr:nvSpPr>
      <xdr:spPr>
        <a:xfrm>
          <a:off x="2385704" y="17686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51179</xdr:rowOff>
    </xdr:from>
    <xdr:ext cx="405111" cy="259045"/>
    <xdr:sp macro="" textlink="">
      <xdr:nvSpPr>
        <xdr:cNvPr id="338" name="n_3mainValue【市民会館】&#10;有形固定資産減価償却率"/>
        <xdr:cNvSpPr txBox="1"/>
      </xdr:nvSpPr>
      <xdr:spPr>
        <a:xfrm>
          <a:off x="1611004" y="176533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8522</xdr:rowOff>
    </xdr:from>
    <xdr:ext cx="405111" cy="259045"/>
    <xdr:sp macro="" textlink="">
      <xdr:nvSpPr>
        <xdr:cNvPr id="339" name="n_4mainValue【市民会館】&#10;有形固定資産減価償却率"/>
        <xdr:cNvSpPr txBox="1"/>
      </xdr:nvSpPr>
      <xdr:spPr>
        <a:xfrm>
          <a:off x="836304" y="17620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40" name="正方形/長方形 339"/>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1" name="正方形/長方形 340"/>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2" name="正方形/長方形 341"/>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3" name="正方形/長方形 342"/>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4" name="正方形/長方形 343"/>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5" name="正方形/長方形 344"/>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6" name="正方形/長方形 345"/>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7" name="正方形/長方形 346"/>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8" name="テキスト ボックス 347"/>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9" name="直線コネクタ 348"/>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350" name="直線コネクタ 349"/>
        <xdr:cNvCxnSpPr/>
      </xdr:nvCxnSpPr>
      <xdr:spPr>
        <a:xfrm>
          <a:off x="5826760" y="18308139"/>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351" name="テキスト ボックス 350"/>
        <xdr:cNvSpPr txBox="1"/>
      </xdr:nvSpPr>
      <xdr:spPr>
        <a:xfrm>
          <a:off x="54053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352" name="直線コネクタ 351"/>
        <xdr:cNvCxnSpPr/>
      </xdr:nvCxnSpPr>
      <xdr:spPr>
        <a:xfrm>
          <a:off x="5826760" y="1798918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353" name="テキスト ボックス 352"/>
        <xdr:cNvSpPr txBox="1"/>
      </xdr:nvSpPr>
      <xdr:spPr>
        <a:xfrm>
          <a:off x="540530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354" name="直線コネクタ 353"/>
        <xdr:cNvCxnSpPr/>
      </xdr:nvCxnSpPr>
      <xdr:spPr>
        <a:xfrm>
          <a:off x="5826760" y="17670236"/>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355" name="テキスト ボックス 354"/>
        <xdr:cNvSpPr txBox="1"/>
      </xdr:nvSpPr>
      <xdr:spPr>
        <a:xfrm>
          <a:off x="540530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356" name="直線コネクタ 355"/>
        <xdr:cNvCxnSpPr/>
      </xdr:nvCxnSpPr>
      <xdr:spPr>
        <a:xfrm>
          <a:off x="5826760" y="17351284"/>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357" name="テキスト ボックス 356"/>
        <xdr:cNvSpPr txBox="1"/>
      </xdr:nvSpPr>
      <xdr:spPr>
        <a:xfrm>
          <a:off x="540530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358" name="直線コネクタ 357"/>
        <xdr:cNvCxnSpPr/>
      </xdr:nvCxnSpPr>
      <xdr:spPr>
        <a:xfrm>
          <a:off x="5826760" y="1703233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359" name="テキスト ボックス 358"/>
        <xdr:cNvSpPr txBox="1"/>
      </xdr:nvSpPr>
      <xdr:spPr>
        <a:xfrm>
          <a:off x="540530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360" name="直線コネクタ 359"/>
        <xdr:cNvCxnSpPr/>
      </xdr:nvCxnSpPr>
      <xdr:spPr>
        <a:xfrm>
          <a:off x="5826760" y="16713381"/>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361" name="テキスト ボックス 360"/>
        <xdr:cNvSpPr txBox="1"/>
      </xdr:nvSpPr>
      <xdr:spPr>
        <a:xfrm>
          <a:off x="540530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62" name="直線コネクタ 361"/>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63" name="テキスト ボックス 362"/>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4" name="【市民会館】&#10;一人当たり面積グラフ枠"/>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71301</xdr:rowOff>
    </xdr:from>
    <xdr:to>
      <xdr:col>54</xdr:col>
      <xdr:colOff>189865</xdr:colOff>
      <xdr:row>108</xdr:row>
      <xdr:rowOff>148045</xdr:rowOff>
    </xdr:to>
    <xdr:cxnSp macro="">
      <xdr:nvCxnSpPr>
        <xdr:cNvPr id="365" name="直線コネクタ 364"/>
        <xdr:cNvCxnSpPr/>
      </xdr:nvCxnSpPr>
      <xdr:spPr>
        <a:xfrm flipV="1">
          <a:off x="9219565" y="16667661"/>
          <a:ext cx="0" cy="15855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1872</xdr:rowOff>
    </xdr:from>
    <xdr:ext cx="469744" cy="259045"/>
    <xdr:sp macro="" textlink="">
      <xdr:nvSpPr>
        <xdr:cNvPr id="366" name="【市民会館】&#10;一人当たり面積最小値テキスト"/>
        <xdr:cNvSpPr txBox="1"/>
      </xdr:nvSpPr>
      <xdr:spPr>
        <a:xfrm>
          <a:off x="9258300" y="18256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48045</xdr:rowOff>
    </xdr:from>
    <xdr:to>
      <xdr:col>55</xdr:col>
      <xdr:colOff>88900</xdr:colOff>
      <xdr:row>108</xdr:row>
      <xdr:rowOff>148045</xdr:rowOff>
    </xdr:to>
    <xdr:cxnSp macro="">
      <xdr:nvCxnSpPr>
        <xdr:cNvPr id="367" name="直線コネクタ 366"/>
        <xdr:cNvCxnSpPr/>
      </xdr:nvCxnSpPr>
      <xdr:spPr>
        <a:xfrm>
          <a:off x="9154160" y="182531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7978</xdr:rowOff>
    </xdr:from>
    <xdr:ext cx="469744" cy="259045"/>
    <xdr:sp macro="" textlink="">
      <xdr:nvSpPr>
        <xdr:cNvPr id="368" name="【市民会館】&#10;一人当たり面積最大値テキスト"/>
        <xdr:cNvSpPr txBox="1"/>
      </xdr:nvSpPr>
      <xdr:spPr>
        <a:xfrm>
          <a:off x="9258300" y="16446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71301</xdr:rowOff>
    </xdr:from>
    <xdr:to>
      <xdr:col>55</xdr:col>
      <xdr:colOff>88900</xdr:colOff>
      <xdr:row>99</xdr:row>
      <xdr:rowOff>71301</xdr:rowOff>
    </xdr:to>
    <xdr:cxnSp macro="">
      <xdr:nvCxnSpPr>
        <xdr:cNvPr id="369" name="直線コネクタ 368"/>
        <xdr:cNvCxnSpPr/>
      </xdr:nvCxnSpPr>
      <xdr:spPr>
        <a:xfrm>
          <a:off x="9154160" y="1666766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80934</xdr:rowOff>
    </xdr:from>
    <xdr:ext cx="469744" cy="259045"/>
    <xdr:sp macro="" textlink="">
      <xdr:nvSpPr>
        <xdr:cNvPr id="370" name="【市民会館】&#10;一人当たり面積平均値テキスト"/>
        <xdr:cNvSpPr txBox="1"/>
      </xdr:nvSpPr>
      <xdr:spPr>
        <a:xfrm>
          <a:off x="9258300" y="176831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58057</xdr:rowOff>
    </xdr:from>
    <xdr:to>
      <xdr:col>55</xdr:col>
      <xdr:colOff>50800</xdr:colOff>
      <xdr:row>106</xdr:row>
      <xdr:rowOff>159657</xdr:rowOff>
    </xdr:to>
    <xdr:sp macro="" textlink="">
      <xdr:nvSpPr>
        <xdr:cNvPr id="371" name="フローチャート: 判断 370"/>
        <xdr:cNvSpPr/>
      </xdr:nvSpPr>
      <xdr:spPr>
        <a:xfrm>
          <a:off x="9192260" y="1782789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41729</xdr:rowOff>
    </xdr:from>
    <xdr:to>
      <xdr:col>50</xdr:col>
      <xdr:colOff>165100</xdr:colOff>
      <xdr:row>106</xdr:row>
      <xdr:rowOff>143329</xdr:rowOff>
    </xdr:to>
    <xdr:sp macro="" textlink="">
      <xdr:nvSpPr>
        <xdr:cNvPr id="372" name="フローチャート: 判断 371"/>
        <xdr:cNvSpPr/>
      </xdr:nvSpPr>
      <xdr:spPr>
        <a:xfrm>
          <a:off x="8445500" y="17811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58057</xdr:rowOff>
    </xdr:from>
    <xdr:to>
      <xdr:col>46</xdr:col>
      <xdr:colOff>38100</xdr:colOff>
      <xdr:row>106</xdr:row>
      <xdr:rowOff>159657</xdr:rowOff>
    </xdr:to>
    <xdr:sp macro="" textlink="">
      <xdr:nvSpPr>
        <xdr:cNvPr id="373" name="フローチャート: 判断 372"/>
        <xdr:cNvSpPr/>
      </xdr:nvSpPr>
      <xdr:spPr>
        <a:xfrm>
          <a:off x="7670800" y="1782789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51526</xdr:rowOff>
    </xdr:from>
    <xdr:to>
      <xdr:col>41</xdr:col>
      <xdr:colOff>101600</xdr:colOff>
      <xdr:row>106</xdr:row>
      <xdr:rowOff>153126</xdr:rowOff>
    </xdr:to>
    <xdr:sp macro="" textlink="">
      <xdr:nvSpPr>
        <xdr:cNvPr id="374" name="フローチャート: 判断 373"/>
        <xdr:cNvSpPr/>
      </xdr:nvSpPr>
      <xdr:spPr>
        <a:xfrm>
          <a:off x="6873240" y="17821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58057</xdr:rowOff>
    </xdr:from>
    <xdr:to>
      <xdr:col>36</xdr:col>
      <xdr:colOff>165100</xdr:colOff>
      <xdr:row>106</xdr:row>
      <xdr:rowOff>159657</xdr:rowOff>
    </xdr:to>
    <xdr:sp macro="" textlink="">
      <xdr:nvSpPr>
        <xdr:cNvPr id="375" name="フローチャート: 判断 374"/>
        <xdr:cNvSpPr/>
      </xdr:nvSpPr>
      <xdr:spPr>
        <a:xfrm>
          <a:off x="6098540" y="17827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6" name="テキスト ボックス 375"/>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7" name="テキスト ボックス 376"/>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8" name="テキスト ボックス 377"/>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9" name="テキスト ボックス 378"/>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80" name="テキスト ボックス 379"/>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82550</xdr:rowOff>
    </xdr:from>
    <xdr:to>
      <xdr:col>55</xdr:col>
      <xdr:colOff>50800</xdr:colOff>
      <xdr:row>108</xdr:row>
      <xdr:rowOff>12700</xdr:rowOff>
    </xdr:to>
    <xdr:sp macro="" textlink="">
      <xdr:nvSpPr>
        <xdr:cNvPr id="381" name="楕円 380"/>
        <xdr:cNvSpPr/>
      </xdr:nvSpPr>
      <xdr:spPr>
        <a:xfrm>
          <a:off x="9192260" y="180200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60977</xdr:rowOff>
    </xdr:from>
    <xdr:ext cx="469744" cy="259045"/>
    <xdr:sp macro="" textlink="">
      <xdr:nvSpPr>
        <xdr:cNvPr id="382" name="【市民会館】&#10;一人当たり面積該当値テキスト"/>
        <xdr:cNvSpPr txBox="1"/>
      </xdr:nvSpPr>
      <xdr:spPr>
        <a:xfrm>
          <a:off x="9258300" y="17998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85816</xdr:rowOff>
    </xdr:from>
    <xdr:to>
      <xdr:col>50</xdr:col>
      <xdr:colOff>165100</xdr:colOff>
      <xdr:row>108</xdr:row>
      <xdr:rowOff>15966</xdr:rowOff>
    </xdr:to>
    <xdr:sp macro="" textlink="">
      <xdr:nvSpPr>
        <xdr:cNvPr id="383" name="楕円 382"/>
        <xdr:cNvSpPr/>
      </xdr:nvSpPr>
      <xdr:spPr>
        <a:xfrm>
          <a:off x="8445500" y="180232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33350</xdr:rowOff>
    </xdr:from>
    <xdr:to>
      <xdr:col>55</xdr:col>
      <xdr:colOff>0</xdr:colOff>
      <xdr:row>107</xdr:row>
      <xdr:rowOff>136616</xdr:rowOff>
    </xdr:to>
    <xdr:cxnSp macro="">
      <xdr:nvCxnSpPr>
        <xdr:cNvPr id="384" name="直線コネクタ 383"/>
        <xdr:cNvCxnSpPr/>
      </xdr:nvCxnSpPr>
      <xdr:spPr>
        <a:xfrm flipV="1">
          <a:off x="8496300" y="18070830"/>
          <a:ext cx="7239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82550</xdr:rowOff>
    </xdr:from>
    <xdr:to>
      <xdr:col>46</xdr:col>
      <xdr:colOff>38100</xdr:colOff>
      <xdr:row>108</xdr:row>
      <xdr:rowOff>12700</xdr:rowOff>
    </xdr:to>
    <xdr:sp macro="" textlink="">
      <xdr:nvSpPr>
        <xdr:cNvPr id="385" name="楕円 384"/>
        <xdr:cNvSpPr/>
      </xdr:nvSpPr>
      <xdr:spPr>
        <a:xfrm>
          <a:off x="7670800" y="180200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33350</xdr:rowOff>
    </xdr:from>
    <xdr:to>
      <xdr:col>50</xdr:col>
      <xdr:colOff>114300</xdr:colOff>
      <xdr:row>107</xdr:row>
      <xdr:rowOff>136616</xdr:rowOff>
    </xdr:to>
    <xdr:cxnSp macro="">
      <xdr:nvCxnSpPr>
        <xdr:cNvPr id="386" name="直線コネクタ 385"/>
        <xdr:cNvCxnSpPr/>
      </xdr:nvCxnSpPr>
      <xdr:spPr>
        <a:xfrm>
          <a:off x="7713980" y="18070830"/>
          <a:ext cx="7823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82550</xdr:rowOff>
    </xdr:from>
    <xdr:to>
      <xdr:col>41</xdr:col>
      <xdr:colOff>101600</xdr:colOff>
      <xdr:row>108</xdr:row>
      <xdr:rowOff>12700</xdr:rowOff>
    </xdr:to>
    <xdr:sp macro="" textlink="">
      <xdr:nvSpPr>
        <xdr:cNvPr id="387" name="楕円 386"/>
        <xdr:cNvSpPr/>
      </xdr:nvSpPr>
      <xdr:spPr>
        <a:xfrm>
          <a:off x="6873240" y="180200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33350</xdr:rowOff>
    </xdr:from>
    <xdr:to>
      <xdr:col>45</xdr:col>
      <xdr:colOff>177800</xdr:colOff>
      <xdr:row>107</xdr:row>
      <xdr:rowOff>133350</xdr:rowOff>
    </xdr:to>
    <xdr:cxnSp macro="">
      <xdr:nvCxnSpPr>
        <xdr:cNvPr id="388" name="直線コネクタ 387"/>
        <xdr:cNvCxnSpPr/>
      </xdr:nvCxnSpPr>
      <xdr:spPr>
        <a:xfrm>
          <a:off x="6924040" y="1807083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82550</xdr:rowOff>
    </xdr:from>
    <xdr:to>
      <xdr:col>36</xdr:col>
      <xdr:colOff>165100</xdr:colOff>
      <xdr:row>108</xdr:row>
      <xdr:rowOff>12700</xdr:rowOff>
    </xdr:to>
    <xdr:sp macro="" textlink="">
      <xdr:nvSpPr>
        <xdr:cNvPr id="389" name="楕円 388"/>
        <xdr:cNvSpPr/>
      </xdr:nvSpPr>
      <xdr:spPr>
        <a:xfrm>
          <a:off x="6098540" y="180200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33350</xdr:rowOff>
    </xdr:from>
    <xdr:to>
      <xdr:col>41</xdr:col>
      <xdr:colOff>50800</xdr:colOff>
      <xdr:row>107</xdr:row>
      <xdr:rowOff>133350</xdr:rowOff>
    </xdr:to>
    <xdr:cxnSp macro="">
      <xdr:nvCxnSpPr>
        <xdr:cNvPr id="390" name="直線コネクタ 389"/>
        <xdr:cNvCxnSpPr/>
      </xdr:nvCxnSpPr>
      <xdr:spPr>
        <a:xfrm>
          <a:off x="6149340" y="1807083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9856</xdr:rowOff>
    </xdr:from>
    <xdr:ext cx="469744" cy="259045"/>
    <xdr:sp macro="" textlink="">
      <xdr:nvSpPr>
        <xdr:cNvPr id="391" name="n_1aveValue【市民会館】&#10;一人当たり面積"/>
        <xdr:cNvSpPr txBox="1"/>
      </xdr:nvSpPr>
      <xdr:spPr>
        <a:xfrm>
          <a:off x="8271587" y="17594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4734</xdr:rowOff>
    </xdr:from>
    <xdr:ext cx="469744" cy="259045"/>
    <xdr:sp macro="" textlink="">
      <xdr:nvSpPr>
        <xdr:cNvPr id="392" name="n_2aveValue【市民会館】&#10;一人当たり面積"/>
        <xdr:cNvSpPr txBox="1"/>
      </xdr:nvSpPr>
      <xdr:spPr>
        <a:xfrm>
          <a:off x="7509587" y="17606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69653</xdr:rowOff>
    </xdr:from>
    <xdr:ext cx="469744" cy="259045"/>
    <xdr:sp macro="" textlink="">
      <xdr:nvSpPr>
        <xdr:cNvPr id="393" name="n_3aveValue【市民会館】&#10;一人当たり面積"/>
        <xdr:cNvSpPr txBox="1"/>
      </xdr:nvSpPr>
      <xdr:spPr>
        <a:xfrm>
          <a:off x="6712027" y="17604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4734</xdr:rowOff>
    </xdr:from>
    <xdr:ext cx="469744" cy="259045"/>
    <xdr:sp macro="" textlink="">
      <xdr:nvSpPr>
        <xdr:cNvPr id="394" name="n_4aveValue【市民会館】&#10;一人当たり面積"/>
        <xdr:cNvSpPr txBox="1"/>
      </xdr:nvSpPr>
      <xdr:spPr>
        <a:xfrm>
          <a:off x="5937327" y="17606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7093</xdr:rowOff>
    </xdr:from>
    <xdr:ext cx="469744" cy="259045"/>
    <xdr:sp macro="" textlink="">
      <xdr:nvSpPr>
        <xdr:cNvPr id="395" name="n_1mainValue【市民会館】&#10;一人当たり面積"/>
        <xdr:cNvSpPr txBox="1"/>
      </xdr:nvSpPr>
      <xdr:spPr>
        <a:xfrm>
          <a:off x="8271587" y="1811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3827</xdr:rowOff>
    </xdr:from>
    <xdr:ext cx="469744" cy="259045"/>
    <xdr:sp macro="" textlink="">
      <xdr:nvSpPr>
        <xdr:cNvPr id="396" name="n_2mainValue【市民会館】&#10;一人当たり面積"/>
        <xdr:cNvSpPr txBox="1"/>
      </xdr:nvSpPr>
      <xdr:spPr>
        <a:xfrm>
          <a:off x="750958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3827</xdr:rowOff>
    </xdr:from>
    <xdr:ext cx="469744" cy="259045"/>
    <xdr:sp macro="" textlink="">
      <xdr:nvSpPr>
        <xdr:cNvPr id="397" name="n_3mainValue【市民会館】&#10;一人当たり面積"/>
        <xdr:cNvSpPr txBox="1"/>
      </xdr:nvSpPr>
      <xdr:spPr>
        <a:xfrm>
          <a:off x="67120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3827</xdr:rowOff>
    </xdr:from>
    <xdr:ext cx="469744" cy="259045"/>
    <xdr:sp macro="" textlink="">
      <xdr:nvSpPr>
        <xdr:cNvPr id="398" name="n_4mainValue【市民会館】&#10;一人当たり面積"/>
        <xdr:cNvSpPr txBox="1"/>
      </xdr:nvSpPr>
      <xdr:spPr>
        <a:xfrm>
          <a:off x="59373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9" name="正方形/長方形 398"/>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00" name="正方形/長方形 399"/>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01" name="正方形/長方形 400"/>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2" name="正方形/長方形 401"/>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3" name="正方形/長方形 402"/>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4" name="正方形/長方形 403"/>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5" name="正方形/長方形 404"/>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6" name="正方形/長方形 405"/>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7" name="テキスト ボックス 406"/>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8" name="直線コネクタ 407"/>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9" name="テキスト ボックス 408"/>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10" name="直線コネクタ 409"/>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11" name="テキスト ボックス 410"/>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12" name="直線コネクタ 411"/>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13" name="テキスト ボックス 412"/>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4" name="直線コネクタ 413"/>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5" name="テキスト ボックス 414"/>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6" name="直線コネクタ 415"/>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7" name="テキスト ボックス 416"/>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8" name="直線コネクタ 417"/>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9" name="テキスト ボックス 418"/>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20" name="直線コネクタ 419"/>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21" name="テキスト ボックス 420"/>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22" name="直線コネクタ 421"/>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23" name="【一般廃棄物処理施設】&#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6210</xdr:rowOff>
    </xdr:from>
    <xdr:to>
      <xdr:col>85</xdr:col>
      <xdr:colOff>126364</xdr:colOff>
      <xdr:row>41</xdr:row>
      <xdr:rowOff>167640</xdr:rowOff>
    </xdr:to>
    <xdr:cxnSp macro="">
      <xdr:nvCxnSpPr>
        <xdr:cNvPr id="424" name="直線コネクタ 423"/>
        <xdr:cNvCxnSpPr/>
      </xdr:nvCxnSpPr>
      <xdr:spPr>
        <a:xfrm flipV="1">
          <a:off x="14375764" y="568833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7</xdr:rowOff>
    </xdr:from>
    <xdr:ext cx="405111" cy="259045"/>
    <xdr:sp macro="" textlink="">
      <xdr:nvSpPr>
        <xdr:cNvPr id="425" name="【一般廃棄物処理施設】&#10;有形固定資産減価償却率最小値テキスト"/>
        <xdr:cNvSpPr txBox="1"/>
      </xdr:nvSpPr>
      <xdr:spPr>
        <a:xfrm>
          <a:off x="14414500" y="704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67640</xdr:rowOff>
    </xdr:from>
    <xdr:to>
      <xdr:col>86</xdr:col>
      <xdr:colOff>25400</xdr:colOff>
      <xdr:row>41</xdr:row>
      <xdr:rowOff>167640</xdr:rowOff>
    </xdr:to>
    <xdr:cxnSp macro="">
      <xdr:nvCxnSpPr>
        <xdr:cNvPr id="426" name="直線コネクタ 425"/>
        <xdr:cNvCxnSpPr/>
      </xdr:nvCxnSpPr>
      <xdr:spPr>
        <a:xfrm>
          <a:off x="14287500" y="70408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02887</xdr:rowOff>
    </xdr:from>
    <xdr:ext cx="340478" cy="259045"/>
    <xdr:sp macro="" textlink="">
      <xdr:nvSpPr>
        <xdr:cNvPr id="427" name="【一般廃棄物処理施設】&#10;有形固定資産減価償却率最大値テキスト"/>
        <xdr:cNvSpPr txBox="1"/>
      </xdr:nvSpPr>
      <xdr:spPr>
        <a:xfrm>
          <a:off x="14414500" y="54673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6210</xdr:rowOff>
    </xdr:from>
    <xdr:to>
      <xdr:col>86</xdr:col>
      <xdr:colOff>25400</xdr:colOff>
      <xdr:row>33</xdr:row>
      <xdr:rowOff>156210</xdr:rowOff>
    </xdr:to>
    <xdr:cxnSp macro="">
      <xdr:nvCxnSpPr>
        <xdr:cNvPr id="428" name="直線コネクタ 427"/>
        <xdr:cNvCxnSpPr/>
      </xdr:nvCxnSpPr>
      <xdr:spPr>
        <a:xfrm>
          <a:off x="14287500" y="56883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13228</xdr:rowOff>
    </xdr:from>
    <xdr:ext cx="405111" cy="259045"/>
    <xdr:sp macro="" textlink="">
      <xdr:nvSpPr>
        <xdr:cNvPr id="429" name="【一般廃棄物処理施設】&#10;有形固定資産減価償却率平均値テキスト"/>
        <xdr:cNvSpPr txBox="1"/>
      </xdr:nvSpPr>
      <xdr:spPr>
        <a:xfrm>
          <a:off x="14414500" y="648354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4801</xdr:rowOff>
    </xdr:from>
    <xdr:to>
      <xdr:col>85</xdr:col>
      <xdr:colOff>177800</xdr:colOff>
      <xdr:row>39</xdr:row>
      <xdr:rowOff>64951</xdr:rowOff>
    </xdr:to>
    <xdr:sp macro="" textlink="">
      <xdr:nvSpPr>
        <xdr:cNvPr id="430" name="フローチャート: 判断 429"/>
        <xdr:cNvSpPr/>
      </xdr:nvSpPr>
      <xdr:spPr>
        <a:xfrm>
          <a:off x="14325600" y="6505121"/>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9</xdr:row>
      <xdr:rowOff>25400</xdr:rowOff>
    </xdr:from>
    <xdr:to>
      <xdr:col>81</xdr:col>
      <xdr:colOff>101600</xdr:colOff>
      <xdr:row>39</xdr:row>
      <xdr:rowOff>127000</xdr:rowOff>
    </xdr:to>
    <xdr:sp macro="" textlink="">
      <xdr:nvSpPr>
        <xdr:cNvPr id="431" name="フローチャート: 判断 430"/>
        <xdr:cNvSpPr/>
      </xdr:nvSpPr>
      <xdr:spPr>
        <a:xfrm>
          <a:off x="1357884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60927</xdr:rowOff>
    </xdr:from>
    <xdr:to>
      <xdr:col>76</xdr:col>
      <xdr:colOff>165100</xdr:colOff>
      <xdr:row>39</xdr:row>
      <xdr:rowOff>91077</xdr:rowOff>
    </xdr:to>
    <xdr:sp macro="" textlink="">
      <xdr:nvSpPr>
        <xdr:cNvPr id="432" name="フローチャート: 判断 431"/>
        <xdr:cNvSpPr/>
      </xdr:nvSpPr>
      <xdr:spPr>
        <a:xfrm>
          <a:off x="12804140" y="653124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9</xdr:row>
      <xdr:rowOff>13970</xdr:rowOff>
    </xdr:from>
    <xdr:to>
      <xdr:col>72</xdr:col>
      <xdr:colOff>38100</xdr:colOff>
      <xdr:row>39</xdr:row>
      <xdr:rowOff>115570</xdr:rowOff>
    </xdr:to>
    <xdr:sp macro="" textlink="">
      <xdr:nvSpPr>
        <xdr:cNvPr id="433" name="フローチャート: 判断 432"/>
        <xdr:cNvSpPr/>
      </xdr:nvSpPr>
      <xdr:spPr>
        <a:xfrm>
          <a:off x="12029440" y="65519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47865</xdr:rowOff>
    </xdr:from>
    <xdr:to>
      <xdr:col>67</xdr:col>
      <xdr:colOff>101600</xdr:colOff>
      <xdr:row>39</xdr:row>
      <xdr:rowOff>78015</xdr:rowOff>
    </xdr:to>
    <xdr:sp macro="" textlink="">
      <xdr:nvSpPr>
        <xdr:cNvPr id="434" name="フローチャート: 判断 433"/>
        <xdr:cNvSpPr/>
      </xdr:nvSpPr>
      <xdr:spPr>
        <a:xfrm>
          <a:off x="11231880" y="65181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5" name="テキスト ボックス 434"/>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6" name="テキスト ボックス 435"/>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7" name="テキスト ボックス 436"/>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8" name="テキスト ボックス 437"/>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9" name="テキスト ボックス 438"/>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1526</xdr:rowOff>
    </xdr:from>
    <xdr:to>
      <xdr:col>85</xdr:col>
      <xdr:colOff>177800</xdr:colOff>
      <xdr:row>36</xdr:row>
      <xdr:rowOff>153126</xdr:rowOff>
    </xdr:to>
    <xdr:sp macro="" textlink="">
      <xdr:nvSpPr>
        <xdr:cNvPr id="440" name="楕円 439"/>
        <xdr:cNvSpPr/>
      </xdr:nvSpPr>
      <xdr:spPr>
        <a:xfrm>
          <a:off x="14325600" y="6086566"/>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74403</xdr:rowOff>
    </xdr:from>
    <xdr:ext cx="405111" cy="259045"/>
    <xdr:sp macro="" textlink="">
      <xdr:nvSpPr>
        <xdr:cNvPr id="441" name="【一般廃棄物処理施設】&#10;有形固定資産減価償却率該当値テキスト"/>
        <xdr:cNvSpPr txBox="1"/>
      </xdr:nvSpPr>
      <xdr:spPr>
        <a:xfrm>
          <a:off x="14414500" y="5941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35197</xdr:rowOff>
    </xdr:from>
    <xdr:to>
      <xdr:col>81</xdr:col>
      <xdr:colOff>101600</xdr:colOff>
      <xdr:row>39</xdr:row>
      <xdr:rowOff>136797</xdr:rowOff>
    </xdr:to>
    <xdr:sp macro="" textlink="">
      <xdr:nvSpPr>
        <xdr:cNvPr id="442" name="楕円 441"/>
        <xdr:cNvSpPr/>
      </xdr:nvSpPr>
      <xdr:spPr>
        <a:xfrm>
          <a:off x="13578840" y="6573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02326</xdr:rowOff>
    </xdr:from>
    <xdr:to>
      <xdr:col>85</xdr:col>
      <xdr:colOff>127000</xdr:colOff>
      <xdr:row>39</xdr:row>
      <xdr:rowOff>85997</xdr:rowOff>
    </xdr:to>
    <xdr:cxnSp macro="">
      <xdr:nvCxnSpPr>
        <xdr:cNvPr id="443" name="直線コネクタ 442"/>
        <xdr:cNvCxnSpPr/>
      </xdr:nvCxnSpPr>
      <xdr:spPr>
        <a:xfrm flipV="1">
          <a:off x="13629640" y="6137366"/>
          <a:ext cx="746760" cy="486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7235</xdr:rowOff>
    </xdr:from>
    <xdr:to>
      <xdr:col>76</xdr:col>
      <xdr:colOff>165100</xdr:colOff>
      <xdr:row>39</xdr:row>
      <xdr:rowOff>118835</xdr:rowOff>
    </xdr:to>
    <xdr:sp macro="" textlink="">
      <xdr:nvSpPr>
        <xdr:cNvPr id="444" name="楕円 443"/>
        <xdr:cNvSpPr/>
      </xdr:nvSpPr>
      <xdr:spPr>
        <a:xfrm>
          <a:off x="12804140" y="6555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68035</xdr:rowOff>
    </xdr:from>
    <xdr:to>
      <xdr:col>81</xdr:col>
      <xdr:colOff>50800</xdr:colOff>
      <xdr:row>39</xdr:row>
      <xdr:rowOff>85997</xdr:rowOff>
    </xdr:to>
    <xdr:cxnSp macro="">
      <xdr:nvCxnSpPr>
        <xdr:cNvPr id="445" name="直線コネクタ 444"/>
        <xdr:cNvCxnSpPr/>
      </xdr:nvCxnSpPr>
      <xdr:spPr>
        <a:xfrm>
          <a:off x="12854940" y="6605995"/>
          <a:ext cx="7747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29903</xdr:rowOff>
    </xdr:from>
    <xdr:to>
      <xdr:col>72</xdr:col>
      <xdr:colOff>38100</xdr:colOff>
      <xdr:row>42</xdr:row>
      <xdr:rowOff>60053</xdr:rowOff>
    </xdr:to>
    <xdr:sp macro="" textlink="">
      <xdr:nvSpPr>
        <xdr:cNvPr id="446" name="楕円 445"/>
        <xdr:cNvSpPr/>
      </xdr:nvSpPr>
      <xdr:spPr>
        <a:xfrm>
          <a:off x="12029440" y="700314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68035</xdr:rowOff>
    </xdr:from>
    <xdr:to>
      <xdr:col>76</xdr:col>
      <xdr:colOff>114300</xdr:colOff>
      <xdr:row>42</xdr:row>
      <xdr:rowOff>9253</xdr:rowOff>
    </xdr:to>
    <xdr:cxnSp macro="">
      <xdr:nvCxnSpPr>
        <xdr:cNvPr id="447" name="直線コネクタ 446"/>
        <xdr:cNvCxnSpPr/>
      </xdr:nvCxnSpPr>
      <xdr:spPr>
        <a:xfrm flipV="1">
          <a:off x="12072620" y="6605995"/>
          <a:ext cx="782320" cy="444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02144</xdr:rowOff>
    </xdr:from>
    <xdr:to>
      <xdr:col>67</xdr:col>
      <xdr:colOff>101600</xdr:colOff>
      <xdr:row>42</xdr:row>
      <xdr:rowOff>32294</xdr:rowOff>
    </xdr:to>
    <xdr:sp macro="" textlink="">
      <xdr:nvSpPr>
        <xdr:cNvPr id="448" name="楕円 447"/>
        <xdr:cNvSpPr/>
      </xdr:nvSpPr>
      <xdr:spPr>
        <a:xfrm>
          <a:off x="11231880" y="69753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152944</xdr:rowOff>
    </xdr:from>
    <xdr:to>
      <xdr:col>71</xdr:col>
      <xdr:colOff>177800</xdr:colOff>
      <xdr:row>42</xdr:row>
      <xdr:rowOff>9253</xdr:rowOff>
    </xdr:to>
    <xdr:cxnSp macro="">
      <xdr:nvCxnSpPr>
        <xdr:cNvPr id="449" name="直線コネクタ 448"/>
        <xdr:cNvCxnSpPr/>
      </xdr:nvCxnSpPr>
      <xdr:spPr>
        <a:xfrm>
          <a:off x="11282680" y="7026184"/>
          <a:ext cx="789940" cy="23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43527</xdr:rowOff>
    </xdr:from>
    <xdr:ext cx="405111" cy="259045"/>
    <xdr:sp macro="" textlink="">
      <xdr:nvSpPr>
        <xdr:cNvPr id="450" name="n_1aveValue【一般廃棄物処理施設】&#10;有形固定資産減価償却率"/>
        <xdr:cNvSpPr txBox="1"/>
      </xdr:nvSpPr>
      <xdr:spPr>
        <a:xfrm>
          <a:off x="13437244" y="6346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7604</xdr:rowOff>
    </xdr:from>
    <xdr:ext cx="405111" cy="259045"/>
    <xdr:sp macro="" textlink="">
      <xdr:nvSpPr>
        <xdr:cNvPr id="451" name="n_2aveValue【一般廃棄物処理施設】&#10;有形固定資産減価償却率"/>
        <xdr:cNvSpPr txBox="1"/>
      </xdr:nvSpPr>
      <xdr:spPr>
        <a:xfrm>
          <a:off x="12675244" y="6310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32097</xdr:rowOff>
    </xdr:from>
    <xdr:ext cx="405111" cy="259045"/>
    <xdr:sp macro="" textlink="">
      <xdr:nvSpPr>
        <xdr:cNvPr id="452" name="n_3aveValue【一般廃棄物処理施設】&#10;有形固定資産減価償却率"/>
        <xdr:cNvSpPr txBox="1"/>
      </xdr:nvSpPr>
      <xdr:spPr>
        <a:xfrm>
          <a:off x="11900544" y="6334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94541</xdr:rowOff>
    </xdr:from>
    <xdr:ext cx="405111" cy="259045"/>
    <xdr:sp macro="" textlink="">
      <xdr:nvSpPr>
        <xdr:cNvPr id="453" name="n_4aveValue【一般廃棄物処理施設】&#10;有形固定資産減価償却率"/>
        <xdr:cNvSpPr txBox="1"/>
      </xdr:nvSpPr>
      <xdr:spPr>
        <a:xfrm>
          <a:off x="11102984" y="6297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27924</xdr:rowOff>
    </xdr:from>
    <xdr:ext cx="405111" cy="259045"/>
    <xdr:sp macro="" textlink="">
      <xdr:nvSpPr>
        <xdr:cNvPr id="454" name="n_1mainValue【一般廃棄物処理施設】&#10;有形固定資産減価償却率"/>
        <xdr:cNvSpPr txBox="1"/>
      </xdr:nvSpPr>
      <xdr:spPr>
        <a:xfrm>
          <a:off x="13437244" y="6665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09962</xdr:rowOff>
    </xdr:from>
    <xdr:ext cx="405111" cy="259045"/>
    <xdr:sp macro="" textlink="">
      <xdr:nvSpPr>
        <xdr:cNvPr id="455" name="n_2mainValue【一般廃棄物処理施設】&#10;有形固定資産減価償却率"/>
        <xdr:cNvSpPr txBox="1"/>
      </xdr:nvSpPr>
      <xdr:spPr>
        <a:xfrm>
          <a:off x="12675244" y="6647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51180</xdr:rowOff>
    </xdr:from>
    <xdr:ext cx="405111" cy="259045"/>
    <xdr:sp macro="" textlink="">
      <xdr:nvSpPr>
        <xdr:cNvPr id="456" name="n_3mainValue【一般廃棄物処理施設】&#10;有形固定資産減価償却率"/>
        <xdr:cNvSpPr txBox="1"/>
      </xdr:nvSpPr>
      <xdr:spPr>
        <a:xfrm>
          <a:off x="11900544" y="7092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23421</xdr:rowOff>
    </xdr:from>
    <xdr:ext cx="405111" cy="259045"/>
    <xdr:sp macro="" textlink="">
      <xdr:nvSpPr>
        <xdr:cNvPr id="457" name="n_4mainValue【一般廃棄物処理施設】&#10;有形固定資産減価償却率"/>
        <xdr:cNvSpPr txBox="1"/>
      </xdr:nvSpPr>
      <xdr:spPr>
        <a:xfrm>
          <a:off x="11102984" y="7064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8" name="正方形/長方形 457"/>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9" name="正方形/長方形 458"/>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60" name="正方形/長方形 459"/>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61" name="正方形/長方形 460"/>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62" name="正方形/長方形 461"/>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63" name="正方形/長方形 462"/>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4" name="正方形/長方形 463"/>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5" name="正方形/長方形 464"/>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6" name="テキスト ボックス 465"/>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7" name="直線コネクタ 466"/>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8" name="直線コネクタ 467"/>
        <xdr:cNvCxnSpPr/>
      </xdr:nvCxnSpPr>
      <xdr:spPr>
        <a:xfrm>
          <a:off x="1609344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69" name="テキスト ボックス 468"/>
        <xdr:cNvSpPr txBox="1"/>
      </xdr:nvSpPr>
      <xdr:spPr>
        <a:xfrm>
          <a:off x="15890374" y="694056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70" name="直線コネクタ 469"/>
        <xdr:cNvCxnSpPr/>
      </xdr:nvCxnSpPr>
      <xdr:spPr>
        <a:xfrm>
          <a:off x="1609344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471" name="テキスト ボックス 470"/>
        <xdr:cNvSpPr txBox="1"/>
      </xdr:nvSpPr>
      <xdr:spPr>
        <a:xfrm>
          <a:off x="15589461" y="65671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72" name="直線コネクタ 471"/>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73" name="テキスト ボックス 472"/>
        <xdr:cNvSpPr txBox="1"/>
      </xdr:nvSpPr>
      <xdr:spPr>
        <a:xfrm>
          <a:off x="15589461" y="61976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74" name="直線コネクタ 473"/>
        <xdr:cNvCxnSpPr/>
      </xdr:nvCxnSpPr>
      <xdr:spPr>
        <a:xfrm>
          <a:off x="1609344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475" name="テキスト ボックス 474"/>
        <xdr:cNvSpPr txBox="1"/>
      </xdr:nvSpPr>
      <xdr:spPr>
        <a:xfrm>
          <a:off x="15589461" y="58242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6" name="直線コネクタ 475"/>
        <xdr:cNvCxnSpPr/>
      </xdr:nvCxnSpPr>
      <xdr:spPr>
        <a:xfrm>
          <a:off x="1609344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77" name="テキスト ボックス 476"/>
        <xdr:cNvSpPr txBox="1"/>
      </xdr:nvSpPr>
      <xdr:spPr>
        <a:xfrm>
          <a:off x="15589461" y="54508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8" name="直線コネクタ 477"/>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0</xdr:row>
      <xdr:rowOff>48277</xdr:rowOff>
    </xdr:from>
    <xdr:ext cx="685572" cy="259045"/>
    <xdr:sp macro="" textlink="">
      <xdr:nvSpPr>
        <xdr:cNvPr id="479" name="テキスト ボックス 478"/>
        <xdr:cNvSpPr txBox="1"/>
      </xdr:nvSpPr>
      <xdr:spPr>
        <a:xfrm>
          <a:off x="15499308" y="50774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80" name="【一般廃棄物処理施設】&#10;一人当たり有形固定資産（償却資産）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61713</xdr:rowOff>
    </xdr:from>
    <xdr:to>
      <xdr:col>116</xdr:col>
      <xdr:colOff>62864</xdr:colOff>
      <xdr:row>42</xdr:row>
      <xdr:rowOff>37405</xdr:rowOff>
    </xdr:to>
    <xdr:cxnSp macro="">
      <xdr:nvCxnSpPr>
        <xdr:cNvPr id="481" name="直線コネクタ 480"/>
        <xdr:cNvCxnSpPr/>
      </xdr:nvCxnSpPr>
      <xdr:spPr>
        <a:xfrm flipV="1">
          <a:off x="19509104" y="5861473"/>
          <a:ext cx="0" cy="12168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232</xdr:rowOff>
    </xdr:from>
    <xdr:ext cx="378565" cy="259045"/>
    <xdr:sp macro="" textlink="">
      <xdr:nvSpPr>
        <xdr:cNvPr id="482" name="【一般廃棄物処理施設】&#10;一人当たり有形固定資産（償却資産）額最小値テキスト"/>
        <xdr:cNvSpPr txBox="1"/>
      </xdr:nvSpPr>
      <xdr:spPr>
        <a:xfrm>
          <a:off x="19547840" y="70821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7405</xdr:rowOff>
    </xdr:from>
    <xdr:to>
      <xdr:col>116</xdr:col>
      <xdr:colOff>152400</xdr:colOff>
      <xdr:row>42</xdr:row>
      <xdr:rowOff>37405</xdr:rowOff>
    </xdr:to>
    <xdr:cxnSp macro="">
      <xdr:nvCxnSpPr>
        <xdr:cNvPr id="483" name="直線コネクタ 482"/>
        <xdr:cNvCxnSpPr/>
      </xdr:nvCxnSpPr>
      <xdr:spPr>
        <a:xfrm>
          <a:off x="19443700" y="707828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08390</xdr:rowOff>
    </xdr:from>
    <xdr:ext cx="599010" cy="259045"/>
    <xdr:sp macro="" textlink="">
      <xdr:nvSpPr>
        <xdr:cNvPr id="484" name="【一般廃棄物処理施設】&#10;一人当たり有形固定資産（償却資産）額最大値テキスト"/>
        <xdr:cNvSpPr txBox="1"/>
      </xdr:nvSpPr>
      <xdr:spPr>
        <a:xfrm>
          <a:off x="19547840" y="5640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5,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61713</xdr:rowOff>
    </xdr:from>
    <xdr:to>
      <xdr:col>116</xdr:col>
      <xdr:colOff>152400</xdr:colOff>
      <xdr:row>34</xdr:row>
      <xdr:rowOff>161713</xdr:rowOff>
    </xdr:to>
    <xdr:cxnSp macro="">
      <xdr:nvCxnSpPr>
        <xdr:cNvPr id="485" name="直線コネクタ 484"/>
        <xdr:cNvCxnSpPr/>
      </xdr:nvCxnSpPr>
      <xdr:spPr>
        <a:xfrm>
          <a:off x="19443700" y="586147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138541</xdr:rowOff>
    </xdr:from>
    <xdr:ext cx="534377" cy="259045"/>
    <xdr:sp macro="" textlink="">
      <xdr:nvSpPr>
        <xdr:cNvPr id="486" name="【一般廃棄物処理施設】&#10;一人当たり有形固定資産（償却資産）額平均値テキスト"/>
        <xdr:cNvSpPr txBox="1"/>
      </xdr:nvSpPr>
      <xdr:spPr>
        <a:xfrm>
          <a:off x="19547840" y="68441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60114</xdr:rowOff>
    </xdr:from>
    <xdr:to>
      <xdr:col>116</xdr:col>
      <xdr:colOff>114300</xdr:colOff>
      <xdr:row>41</xdr:row>
      <xdr:rowOff>90264</xdr:rowOff>
    </xdr:to>
    <xdr:sp macro="" textlink="">
      <xdr:nvSpPr>
        <xdr:cNvPr id="487" name="フローチャート: 判断 486"/>
        <xdr:cNvSpPr/>
      </xdr:nvSpPr>
      <xdr:spPr>
        <a:xfrm>
          <a:off x="19458940" y="68657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154605</xdr:rowOff>
    </xdr:from>
    <xdr:to>
      <xdr:col>112</xdr:col>
      <xdr:colOff>38100</xdr:colOff>
      <xdr:row>41</xdr:row>
      <xdr:rowOff>84755</xdr:rowOff>
    </xdr:to>
    <xdr:sp macro="" textlink="">
      <xdr:nvSpPr>
        <xdr:cNvPr id="488" name="フローチャート: 判断 487"/>
        <xdr:cNvSpPr/>
      </xdr:nvSpPr>
      <xdr:spPr>
        <a:xfrm>
          <a:off x="18735040" y="686020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150225</xdr:rowOff>
    </xdr:from>
    <xdr:to>
      <xdr:col>107</xdr:col>
      <xdr:colOff>101600</xdr:colOff>
      <xdr:row>41</xdr:row>
      <xdr:rowOff>80375</xdr:rowOff>
    </xdr:to>
    <xdr:sp macro="" textlink="">
      <xdr:nvSpPr>
        <xdr:cNvPr id="489" name="フローチャート: 判断 488"/>
        <xdr:cNvSpPr/>
      </xdr:nvSpPr>
      <xdr:spPr>
        <a:xfrm>
          <a:off x="17937480" y="685582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163202</xdr:rowOff>
    </xdr:from>
    <xdr:to>
      <xdr:col>102</xdr:col>
      <xdr:colOff>165100</xdr:colOff>
      <xdr:row>41</xdr:row>
      <xdr:rowOff>93352</xdr:rowOff>
    </xdr:to>
    <xdr:sp macro="" textlink="">
      <xdr:nvSpPr>
        <xdr:cNvPr id="490" name="フローチャート: 判断 489"/>
        <xdr:cNvSpPr/>
      </xdr:nvSpPr>
      <xdr:spPr>
        <a:xfrm>
          <a:off x="17162780" y="686880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1</xdr:row>
      <xdr:rowOff>2664</xdr:rowOff>
    </xdr:from>
    <xdr:to>
      <xdr:col>98</xdr:col>
      <xdr:colOff>38100</xdr:colOff>
      <xdr:row>41</xdr:row>
      <xdr:rowOff>104264</xdr:rowOff>
    </xdr:to>
    <xdr:sp macro="" textlink="">
      <xdr:nvSpPr>
        <xdr:cNvPr id="491" name="フローチャート: 判断 490"/>
        <xdr:cNvSpPr/>
      </xdr:nvSpPr>
      <xdr:spPr>
        <a:xfrm>
          <a:off x="16388080" y="687590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92" name="テキスト ボックス 491"/>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93" name="テキスト ボックス 492"/>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4" name="テキスト ボックス 493"/>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5" name="テキスト ボックス 494"/>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6" name="テキスト ボックス 495"/>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10913</xdr:rowOff>
    </xdr:from>
    <xdr:to>
      <xdr:col>116</xdr:col>
      <xdr:colOff>114300</xdr:colOff>
      <xdr:row>35</xdr:row>
      <xdr:rowOff>41063</xdr:rowOff>
    </xdr:to>
    <xdr:sp macro="" textlink="">
      <xdr:nvSpPr>
        <xdr:cNvPr id="497" name="楕円 496"/>
        <xdr:cNvSpPr/>
      </xdr:nvSpPr>
      <xdr:spPr>
        <a:xfrm>
          <a:off x="19458940" y="581067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63940</xdr:rowOff>
    </xdr:from>
    <xdr:ext cx="599010" cy="259045"/>
    <xdr:sp macro="" textlink="">
      <xdr:nvSpPr>
        <xdr:cNvPr id="498" name="【一般廃棄物処理施設】&#10;一人当たり有形固定資産（償却資産）額該当値テキスト"/>
        <xdr:cNvSpPr txBox="1"/>
      </xdr:nvSpPr>
      <xdr:spPr>
        <a:xfrm>
          <a:off x="19547840" y="5763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45488</xdr:rowOff>
    </xdr:from>
    <xdr:to>
      <xdr:col>112</xdr:col>
      <xdr:colOff>38100</xdr:colOff>
      <xdr:row>34</xdr:row>
      <xdr:rowOff>147088</xdr:rowOff>
    </xdr:to>
    <xdr:sp macro="" textlink="">
      <xdr:nvSpPr>
        <xdr:cNvPr id="499" name="楕円 498"/>
        <xdr:cNvSpPr/>
      </xdr:nvSpPr>
      <xdr:spPr>
        <a:xfrm>
          <a:off x="18735040" y="574524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96288</xdr:rowOff>
    </xdr:from>
    <xdr:to>
      <xdr:col>116</xdr:col>
      <xdr:colOff>63500</xdr:colOff>
      <xdr:row>34</xdr:row>
      <xdr:rowOff>161713</xdr:rowOff>
    </xdr:to>
    <xdr:cxnSp macro="">
      <xdr:nvCxnSpPr>
        <xdr:cNvPr id="500" name="直線コネクタ 499"/>
        <xdr:cNvCxnSpPr/>
      </xdr:nvCxnSpPr>
      <xdr:spPr>
        <a:xfrm>
          <a:off x="18778220" y="5796048"/>
          <a:ext cx="731520" cy="65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20782</xdr:rowOff>
    </xdr:from>
    <xdr:to>
      <xdr:col>107</xdr:col>
      <xdr:colOff>101600</xdr:colOff>
      <xdr:row>34</xdr:row>
      <xdr:rowOff>122382</xdr:rowOff>
    </xdr:to>
    <xdr:sp macro="" textlink="">
      <xdr:nvSpPr>
        <xdr:cNvPr id="501" name="楕円 500"/>
        <xdr:cNvSpPr/>
      </xdr:nvSpPr>
      <xdr:spPr>
        <a:xfrm>
          <a:off x="17937480" y="5720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71582</xdr:rowOff>
    </xdr:from>
    <xdr:to>
      <xdr:col>111</xdr:col>
      <xdr:colOff>177800</xdr:colOff>
      <xdr:row>34</xdr:row>
      <xdr:rowOff>96288</xdr:rowOff>
    </xdr:to>
    <xdr:cxnSp macro="">
      <xdr:nvCxnSpPr>
        <xdr:cNvPr id="502" name="直線コネクタ 501"/>
        <xdr:cNvCxnSpPr/>
      </xdr:nvCxnSpPr>
      <xdr:spPr>
        <a:xfrm>
          <a:off x="17988280" y="5771342"/>
          <a:ext cx="789940" cy="2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73505</xdr:rowOff>
    </xdr:from>
    <xdr:to>
      <xdr:col>102</xdr:col>
      <xdr:colOff>165100</xdr:colOff>
      <xdr:row>37</xdr:row>
      <xdr:rowOff>3655</xdr:rowOff>
    </xdr:to>
    <xdr:sp macro="" textlink="">
      <xdr:nvSpPr>
        <xdr:cNvPr id="503" name="楕円 502"/>
        <xdr:cNvSpPr/>
      </xdr:nvSpPr>
      <xdr:spPr>
        <a:xfrm>
          <a:off x="17162780" y="610854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4</xdr:row>
      <xdr:rowOff>71582</xdr:rowOff>
    </xdr:from>
    <xdr:to>
      <xdr:col>107</xdr:col>
      <xdr:colOff>50800</xdr:colOff>
      <xdr:row>36</xdr:row>
      <xdr:rowOff>124305</xdr:rowOff>
    </xdr:to>
    <xdr:cxnSp macro="">
      <xdr:nvCxnSpPr>
        <xdr:cNvPr id="504" name="直線コネクタ 503"/>
        <xdr:cNvCxnSpPr/>
      </xdr:nvCxnSpPr>
      <xdr:spPr>
        <a:xfrm flipV="1">
          <a:off x="17213580" y="5771342"/>
          <a:ext cx="774700" cy="388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74642</xdr:rowOff>
    </xdr:from>
    <xdr:to>
      <xdr:col>98</xdr:col>
      <xdr:colOff>38100</xdr:colOff>
      <xdr:row>37</xdr:row>
      <xdr:rowOff>4792</xdr:rowOff>
    </xdr:to>
    <xdr:sp macro="" textlink="">
      <xdr:nvSpPr>
        <xdr:cNvPr id="505" name="楕円 504"/>
        <xdr:cNvSpPr/>
      </xdr:nvSpPr>
      <xdr:spPr>
        <a:xfrm>
          <a:off x="16388080" y="610968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6</xdr:row>
      <xdr:rowOff>124305</xdr:rowOff>
    </xdr:from>
    <xdr:to>
      <xdr:col>102</xdr:col>
      <xdr:colOff>114300</xdr:colOff>
      <xdr:row>36</xdr:row>
      <xdr:rowOff>125442</xdr:rowOff>
    </xdr:to>
    <xdr:cxnSp macro="">
      <xdr:nvCxnSpPr>
        <xdr:cNvPr id="506" name="直線コネクタ 505"/>
        <xdr:cNvCxnSpPr/>
      </xdr:nvCxnSpPr>
      <xdr:spPr>
        <a:xfrm flipV="1">
          <a:off x="16431260" y="6159345"/>
          <a:ext cx="782320" cy="1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1</xdr:row>
      <xdr:rowOff>75882</xdr:rowOff>
    </xdr:from>
    <xdr:ext cx="534377" cy="259045"/>
    <xdr:sp macro="" textlink="">
      <xdr:nvSpPr>
        <xdr:cNvPr id="507" name="n_1aveValue【一般廃棄物処理施設】&#10;一人当たり有形固定資産（償却資産）額"/>
        <xdr:cNvSpPr txBox="1"/>
      </xdr:nvSpPr>
      <xdr:spPr>
        <a:xfrm>
          <a:off x="18528811" y="6949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71502</xdr:rowOff>
    </xdr:from>
    <xdr:ext cx="534377" cy="259045"/>
    <xdr:sp macro="" textlink="">
      <xdr:nvSpPr>
        <xdr:cNvPr id="508" name="n_2aveValue【一般廃棄物処理施設】&#10;一人当たり有形固定資産（償却資産）額"/>
        <xdr:cNvSpPr txBox="1"/>
      </xdr:nvSpPr>
      <xdr:spPr>
        <a:xfrm>
          <a:off x="17766811" y="6944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84479</xdr:rowOff>
    </xdr:from>
    <xdr:ext cx="534377" cy="259045"/>
    <xdr:sp macro="" textlink="">
      <xdr:nvSpPr>
        <xdr:cNvPr id="509" name="n_3aveValue【一般廃棄物処理施設】&#10;一人当たり有形固定資産（償却資産）額"/>
        <xdr:cNvSpPr txBox="1"/>
      </xdr:nvSpPr>
      <xdr:spPr>
        <a:xfrm>
          <a:off x="16969251" y="6957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95391</xdr:rowOff>
    </xdr:from>
    <xdr:ext cx="534377" cy="259045"/>
    <xdr:sp macro="" textlink="">
      <xdr:nvSpPr>
        <xdr:cNvPr id="510" name="n_4aveValue【一般廃棄物処理施設】&#10;一人当たり有形固定資産（償却資産）額"/>
        <xdr:cNvSpPr txBox="1"/>
      </xdr:nvSpPr>
      <xdr:spPr>
        <a:xfrm>
          <a:off x="16194551" y="6968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2</xdr:row>
      <xdr:rowOff>163615</xdr:rowOff>
    </xdr:from>
    <xdr:ext cx="599010" cy="259045"/>
    <xdr:sp macro="" textlink="">
      <xdr:nvSpPr>
        <xdr:cNvPr id="511" name="n_1mainValue【一般廃棄物処理施設】&#10;一人当たり有形固定資産（償却資産）額"/>
        <xdr:cNvSpPr txBox="1"/>
      </xdr:nvSpPr>
      <xdr:spPr>
        <a:xfrm>
          <a:off x="18496495" y="55280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2</xdr:row>
      <xdr:rowOff>138909</xdr:rowOff>
    </xdr:from>
    <xdr:ext cx="599010" cy="259045"/>
    <xdr:sp macro="" textlink="">
      <xdr:nvSpPr>
        <xdr:cNvPr id="512" name="n_2mainValue【一般廃棄物処理施設】&#10;一人当たり有形固定資産（償却資産）額"/>
        <xdr:cNvSpPr txBox="1"/>
      </xdr:nvSpPr>
      <xdr:spPr>
        <a:xfrm>
          <a:off x="17734495" y="55033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5</xdr:row>
      <xdr:rowOff>20182</xdr:rowOff>
    </xdr:from>
    <xdr:ext cx="599010" cy="259045"/>
    <xdr:sp macro="" textlink="">
      <xdr:nvSpPr>
        <xdr:cNvPr id="513" name="n_3mainValue【一般廃棄物処理施設】&#10;一人当たり有形固定資産（償却資産）額"/>
        <xdr:cNvSpPr txBox="1"/>
      </xdr:nvSpPr>
      <xdr:spPr>
        <a:xfrm>
          <a:off x="16936935" y="58875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5</xdr:row>
      <xdr:rowOff>21319</xdr:rowOff>
    </xdr:from>
    <xdr:ext cx="599010" cy="259045"/>
    <xdr:sp macro="" textlink="">
      <xdr:nvSpPr>
        <xdr:cNvPr id="514" name="n_4mainValue【一般廃棄物処理施設】&#10;一人当たり有形固定資産（償却資産）額"/>
        <xdr:cNvSpPr txBox="1"/>
      </xdr:nvSpPr>
      <xdr:spPr>
        <a:xfrm>
          <a:off x="16162235" y="58887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5" name="正方形/長方形 514"/>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6" name="正方形/長方形 515"/>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7" name="正方形/長方形 516"/>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8" name="正方形/長方形 517"/>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9" name="正方形/長方形 518"/>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0" name="正方形/長方形 519"/>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21" name="正方形/長方形 520"/>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2" name="正方形/長方形 521"/>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3" name="テキスト ボックス 522"/>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4" name="直線コネクタ 523"/>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5" name="テキスト ボックス 524"/>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6" name="直線コネクタ 525"/>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7" name="テキスト ボックス 526"/>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8" name="直線コネクタ 527"/>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9" name="テキスト ボックス 528"/>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30" name="直線コネクタ 529"/>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31" name="テキスト ボックス 530"/>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32" name="直線コネクタ 531"/>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33" name="テキスト ボックス 532"/>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34" name="直線コネクタ 533"/>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535" name="テキスト ボックス 534"/>
        <xdr:cNvSpPr txBox="1"/>
      </xdr:nvSpPr>
      <xdr:spPr>
        <a:xfrm>
          <a:off x="10666881" y="91770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6" name="直線コネクタ 535"/>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7"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3350</xdr:rowOff>
    </xdr:from>
    <xdr:to>
      <xdr:col>85</xdr:col>
      <xdr:colOff>126364</xdr:colOff>
      <xdr:row>62</xdr:row>
      <xdr:rowOff>165100</xdr:rowOff>
    </xdr:to>
    <xdr:cxnSp macro="">
      <xdr:nvCxnSpPr>
        <xdr:cNvPr id="538" name="直線コネクタ 537"/>
        <xdr:cNvCxnSpPr/>
      </xdr:nvCxnSpPr>
      <xdr:spPr>
        <a:xfrm flipV="1">
          <a:off x="14375764" y="9353550"/>
          <a:ext cx="0" cy="1205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8927</xdr:rowOff>
    </xdr:from>
    <xdr:ext cx="469744" cy="259045"/>
    <xdr:sp macro="" textlink="">
      <xdr:nvSpPr>
        <xdr:cNvPr id="539" name="【保健センター・保健所】&#10;有形固定資産減価償却率最小値テキスト"/>
        <xdr:cNvSpPr txBox="1"/>
      </xdr:nvSpPr>
      <xdr:spPr>
        <a:xfrm>
          <a:off x="14414500" y="10562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5100</xdr:rowOff>
    </xdr:from>
    <xdr:to>
      <xdr:col>86</xdr:col>
      <xdr:colOff>25400</xdr:colOff>
      <xdr:row>62</xdr:row>
      <xdr:rowOff>165100</xdr:rowOff>
    </xdr:to>
    <xdr:cxnSp macro="">
      <xdr:nvCxnSpPr>
        <xdr:cNvPr id="540" name="直線コネクタ 539"/>
        <xdr:cNvCxnSpPr/>
      </xdr:nvCxnSpPr>
      <xdr:spPr>
        <a:xfrm>
          <a:off x="14287500" y="105587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80027</xdr:rowOff>
    </xdr:from>
    <xdr:ext cx="340478" cy="259045"/>
    <xdr:sp macro="" textlink="">
      <xdr:nvSpPr>
        <xdr:cNvPr id="541" name="【保健センター・保健所】&#10;有形固定資産減価償却率最大値テキスト"/>
        <xdr:cNvSpPr txBox="1"/>
      </xdr:nvSpPr>
      <xdr:spPr>
        <a:xfrm>
          <a:off x="14414500" y="913258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3350</xdr:rowOff>
    </xdr:from>
    <xdr:to>
      <xdr:col>86</xdr:col>
      <xdr:colOff>25400</xdr:colOff>
      <xdr:row>55</xdr:row>
      <xdr:rowOff>133350</xdr:rowOff>
    </xdr:to>
    <xdr:cxnSp macro="">
      <xdr:nvCxnSpPr>
        <xdr:cNvPr id="542" name="直線コネクタ 541"/>
        <xdr:cNvCxnSpPr/>
      </xdr:nvCxnSpPr>
      <xdr:spPr>
        <a:xfrm>
          <a:off x="14287500" y="93535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987</xdr:rowOff>
    </xdr:from>
    <xdr:ext cx="405111" cy="259045"/>
    <xdr:sp macro="" textlink="">
      <xdr:nvSpPr>
        <xdr:cNvPr id="543" name="【保健センター・保健所】&#10;有形固定資産減価償却率平均値テキスト"/>
        <xdr:cNvSpPr txBox="1"/>
      </xdr:nvSpPr>
      <xdr:spPr>
        <a:xfrm>
          <a:off x="14414500" y="99047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5560</xdr:rowOff>
    </xdr:from>
    <xdr:to>
      <xdr:col>85</xdr:col>
      <xdr:colOff>177800</xdr:colOff>
      <xdr:row>59</xdr:row>
      <xdr:rowOff>137160</xdr:rowOff>
    </xdr:to>
    <xdr:sp macro="" textlink="">
      <xdr:nvSpPr>
        <xdr:cNvPr id="544" name="フローチャート: 判断 543"/>
        <xdr:cNvSpPr/>
      </xdr:nvSpPr>
      <xdr:spPr>
        <a:xfrm>
          <a:off x="14325600" y="992632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7780</xdr:rowOff>
    </xdr:from>
    <xdr:to>
      <xdr:col>81</xdr:col>
      <xdr:colOff>101600</xdr:colOff>
      <xdr:row>59</xdr:row>
      <xdr:rowOff>119380</xdr:rowOff>
    </xdr:to>
    <xdr:sp macro="" textlink="">
      <xdr:nvSpPr>
        <xdr:cNvPr id="545" name="フローチャート: 判断 544"/>
        <xdr:cNvSpPr/>
      </xdr:nvSpPr>
      <xdr:spPr>
        <a:xfrm>
          <a:off x="13578840" y="9908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60020</xdr:rowOff>
    </xdr:from>
    <xdr:to>
      <xdr:col>76</xdr:col>
      <xdr:colOff>165100</xdr:colOff>
      <xdr:row>59</xdr:row>
      <xdr:rowOff>90170</xdr:rowOff>
    </xdr:to>
    <xdr:sp macro="" textlink="">
      <xdr:nvSpPr>
        <xdr:cNvPr id="546" name="フローチャート: 判断 545"/>
        <xdr:cNvSpPr/>
      </xdr:nvSpPr>
      <xdr:spPr>
        <a:xfrm>
          <a:off x="12804140" y="9883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38430</xdr:rowOff>
    </xdr:from>
    <xdr:to>
      <xdr:col>72</xdr:col>
      <xdr:colOff>38100</xdr:colOff>
      <xdr:row>59</xdr:row>
      <xdr:rowOff>68580</xdr:rowOff>
    </xdr:to>
    <xdr:sp macro="" textlink="">
      <xdr:nvSpPr>
        <xdr:cNvPr id="547" name="フローチャート: 判断 546"/>
        <xdr:cNvSpPr/>
      </xdr:nvSpPr>
      <xdr:spPr>
        <a:xfrm>
          <a:off x="12029440" y="986155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4460</xdr:rowOff>
    </xdr:from>
    <xdr:to>
      <xdr:col>67</xdr:col>
      <xdr:colOff>101600</xdr:colOff>
      <xdr:row>59</xdr:row>
      <xdr:rowOff>54610</xdr:rowOff>
    </xdr:to>
    <xdr:sp macro="" textlink="">
      <xdr:nvSpPr>
        <xdr:cNvPr id="548" name="フローチャート: 判断 547"/>
        <xdr:cNvSpPr/>
      </xdr:nvSpPr>
      <xdr:spPr>
        <a:xfrm>
          <a:off x="11231880" y="98475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9" name="テキスト ボックス 548"/>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50" name="テキスト ボックス 549"/>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1" name="テキスト ボックス 550"/>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2" name="テキスト ボックス 551"/>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3" name="テキスト ボックス 552"/>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20650</xdr:rowOff>
    </xdr:from>
    <xdr:to>
      <xdr:col>85</xdr:col>
      <xdr:colOff>177800</xdr:colOff>
      <xdr:row>56</xdr:row>
      <xdr:rowOff>50800</xdr:rowOff>
    </xdr:to>
    <xdr:sp macro="" textlink="">
      <xdr:nvSpPr>
        <xdr:cNvPr id="554" name="楕円 553"/>
        <xdr:cNvSpPr/>
      </xdr:nvSpPr>
      <xdr:spPr>
        <a:xfrm>
          <a:off x="14325600" y="934085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35577</xdr:rowOff>
    </xdr:from>
    <xdr:ext cx="340478" cy="259045"/>
    <xdr:sp macro="" textlink="">
      <xdr:nvSpPr>
        <xdr:cNvPr id="555" name="【保健センター・保健所】&#10;有形固定資産減価償却率該当値テキスト"/>
        <xdr:cNvSpPr txBox="1"/>
      </xdr:nvSpPr>
      <xdr:spPr>
        <a:xfrm>
          <a:off x="14414500" y="92557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95250</xdr:rowOff>
    </xdr:from>
    <xdr:to>
      <xdr:col>81</xdr:col>
      <xdr:colOff>101600</xdr:colOff>
      <xdr:row>56</xdr:row>
      <xdr:rowOff>25400</xdr:rowOff>
    </xdr:to>
    <xdr:sp macro="" textlink="">
      <xdr:nvSpPr>
        <xdr:cNvPr id="556" name="楕円 555"/>
        <xdr:cNvSpPr/>
      </xdr:nvSpPr>
      <xdr:spPr>
        <a:xfrm>
          <a:off x="13578840" y="93154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5</xdr:row>
      <xdr:rowOff>146050</xdr:rowOff>
    </xdr:from>
    <xdr:to>
      <xdr:col>85</xdr:col>
      <xdr:colOff>127000</xdr:colOff>
      <xdr:row>56</xdr:row>
      <xdr:rowOff>0</xdr:rowOff>
    </xdr:to>
    <xdr:cxnSp macro="">
      <xdr:nvCxnSpPr>
        <xdr:cNvPr id="557" name="直線コネクタ 556"/>
        <xdr:cNvCxnSpPr/>
      </xdr:nvCxnSpPr>
      <xdr:spPr>
        <a:xfrm>
          <a:off x="13629640" y="9366250"/>
          <a:ext cx="74676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69850</xdr:rowOff>
    </xdr:from>
    <xdr:to>
      <xdr:col>76</xdr:col>
      <xdr:colOff>165100</xdr:colOff>
      <xdr:row>56</xdr:row>
      <xdr:rowOff>0</xdr:rowOff>
    </xdr:to>
    <xdr:sp macro="" textlink="">
      <xdr:nvSpPr>
        <xdr:cNvPr id="558" name="楕円 557"/>
        <xdr:cNvSpPr/>
      </xdr:nvSpPr>
      <xdr:spPr>
        <a:xfrm>
          <a:off x="12804140" y="92900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20650</xdr:rowOff>
    </xdr:from>
    <xdr:to>
      <xdr:col>81</xdr:col>
      <xdr:colOff>50800</xdr:colOff>
      <xdr:row>55</xdr:row>
      <xdr:rowOff>146050</xdr:rowOff>
    </xdr:to>
    <xdr:cxnSp macro="">
      <xdr:nvCxnSpPr>
        <xdr:cNvPr id="559" name="直線コネクタ 558"/>
        <xdr:cNvCxnSpPr/>
      </xdr:nvCxnSpPr>
      <xdr:spPr>
        <a:xfrm>
          <a:off x="12854940" y="9340850"/>
          <a:ext cx="7747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4450</xdr:rowOff>
    </xdr:from>
    <xdr:to>
      <xdr:col>72</xdr:col>
      <xdr:colOff>38100</xdr:colOff>
      <xdr:row>55</xdr:row>
      <xdr:rowOff>146050</xdr:rowOff>
    </xdr:to>
    <xdr:sp macro="" textlink="">
      <xdr:nvSpPr>
        <xdr:cNvPr id="560" name="楕円 559"/>
        <xdr:cNvSpPr/>
      </xdr:nvSpPr>
      <xdr:spPr>
        <a:xfrm>
          <a:off x="12029440" y="926465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5</xdr:row>
      <xdr:rowOff>95250</xdr:rowOff>
    </xdr:from>
    <xdr:to>
      <xdr:col>76</xdr:col>
      <xdr:colOff>114300</xdr:colOff>
      <xdr:row>55</xdr:row>
      <xdr:rowOff>120650</xdr:rowOff>
    </xdr:to>
    <xdr:cxnSp macro="">
      <xdr:nvCxnSpPr>
        <xdr:cNvPr id="561" name="直線コネクタ 560"/>
        <xdr:cNvCxnSpPr/>
      </xdr:nvCxnSpPr>
      <xdr:spPr>
        <a:xfrm>
          <a:off x="12072620" y="9315450"/>
          <a:ext cx="78232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19380</xdr:rowOff>
    </xdr:from>
    <xdr:to>
      <xdr:col>67</xdr:col>
      <xdr:colOff>101600</xdr:colOff>
      <xdr:row>60</xdr:row>
      <xdr:rowOff>49530</xdr:rowOff>
    </xdr:to>
    <xdr:sp macro="" textlink="">
      <xdr:nvSpPr>
        <xdr:cNvPr id="562" name="楕円 561"/>
        <xdr:cNvSpPr/>
      </xdr:nvSpPr>
      <xdr:spPr>
        <a:xfrm>
          <a:off x="11231880" y="100101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5</xdr:row>
      <xdr:rowOff>95250</xdr:rowOff>
    </xdr:from>
    <xdr:to>
      <xdr:col>71</xdr:col>
      <xdr:colOff>177800</xdr:colOff>
      <xdr:row>59</xdr:row>
      <xdr:rowOff>170180</xdr:rowOff>
    </xdr:to>
    <xdr:cxnSp macro="">
      <xdr:nvCxnSpPr>
        <xdr:cNvPr id="563" name="直線コネクタ 562"/>
        <xdr:cNvCxnSpPr/>
      </xdr:nvCxnSpPr>
      <xdr:spPr>
        <a:xfrm flipV="1">
          <a:off x="11282680" y="9315450"/>
          <a:ext cx="789940" cy="745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10507</xdr:rowOff>
    </xdr:from>
    <xdr:ext cx="405111" cy="259045"/>
    <xdr:sp macro="" textlink="">
      <xdr:nvSpPr>
        <xdr:cNvPr id="564" name="n_1aveValue【保健センター・保健所】&#10;有形固定資産減価償却率"/>
        <xdr:cNvSpPr txBox="1"/>
      </xdr:nvSpPr>
      <xdr:spPr>
        <a:xfrm>
          <a:off x="13437244" y="10001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81297</xdr:rowOff>
    </xdr:from>
    <xdr:ext cx="405111" cy="259045"/>
    <xdr:sp macro="" textlink="">
      <xdr:nvSpPr>
        <xdr:cNvPr id="565" name="n_2aveValue【保健センター・保健所】&#10;有形固定資産減価償却率"/>
        <xdr:cNvSpPr txBox="1"/>
      </xdr:nvSpPr>
      <xdr:spPr>
        <a:xfrm>
          <a:off x="12675244" y="9972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59707</xdr:rowOff>
    </xdr:from>
    <xdr:ext cx="405111" cy="259045"/>
    <xdr:sp macro="" textlink="">
      <xdr:nvSpPr>
        <xdr:cNvPr id="566" name="n_3aveValue【保健センター・保健所】&#10;有形固定資産減価償却率"/>
        <xdr:cNvSpPr txBox="1"/>
      </xdr:nvSpPr>
      <xdr:spPr>
        <a:xfrm>
          <a:off x="11900544" y="9950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71137</xdr:rowOff>
    </xdr:from>
    <xdr:ext cx="405111" cy="259045"/>
    <xdr:sp macro="" textlink="">
      <xdr:nvSpPr>
        <xdr:cNvPr id="567" name="n_4aveValue【保健センター・保健所】&#10;有形固定資産減価償却率"/>
        <xdr:cNvSpPr txBox="1"/>
      </xdr:nvSpPr>
      <xdr:spPr>
        <a:xfrm>
          <a:off x="11102984" y="962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8361</xdr:colOff>
      <xdr:row>54</xdr:row>
      <xdr:rowOff>41927</xdr:rowOff>
    </xdr:from>
    <xdr:ext cx="340478" cy="259045"/>
    <xdr:sp macro="" textlink="">
      <xdr:nvSpPr>
        <xdr:cNvPr id="568" name="n_1mainValue【保健センター・保健所】&#10;有形固定資産減価償却率"/>
        <xdr:cNvSpPr txBox="1"/>
      </xdr:nvSpPr>
      <xdr:spPr>
        <a:xfrm>
          <a:off x="13469561" y="909448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34561</xdr:colOff>
      <xdr:row>54</xdr:row>
      <xdr:rowOff>16527</xdr:rowOff>
    </xdr:from>
    <xdr:ext cx="340478" cy="259045"/>
    <xdr:sp macro="" textlink="">
      <xdr:nvSpPr>
        <xdr:cNvPr id="569" name="n_2mainValue【保健センター・保健所】&#10;有形固定資産減価償却率"/>
        <xdr:cNvSpPr txBox="1"/>
      </xdr:nvSpPr>
      <xdr:spPr>
        <a:xfrm>
          <a:off x="12707561" y="906908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7561</xdr:colOff>
      <xdr:row>53</xdr:row>
      <xdr:rowOff>162577</xdr:rowOff>
    </xdr:from>
    <xdr:ext cx="340478" cy="259045"/>
    <xdr:sp macro="" textlink="">
      <xdr:nvSpPr>
        <xdr:cNvPr id="570" name="n_3mainValue【保健センター・保健所】&#10;有形固定資産減価償却率"/>
        <xdr:cNvSpPr txBox="1"/>
      </xdr:nvSpPr>
      <xdr:spPr>
        <a:xfrm>
          <a:off x="11910001" y="90474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40657</xdr:rowOff>
    </xdr:from>
    <xdr:ext cx="405111" cy="259045"/>
    <xdr:sp macro="" textlink="">
      <xdr:nvSpPr>
        <xdr:cNvPr id="571" name="n_4mainValue【保健センター・保健所】&#10;有形固定資産減価償却率"/>
        <xdr:cNvSpPr txBox="1"/>
      </xdr:nvSpPr>
      <xdr:spPr>
        <a:xfrm>
          <a:off x="11102984" y="10099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2" name="正方形/長方形 571"/>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3" name="正方形/長方形 572"/>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4" name="正方形/長方形 573"/>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5" name="正方形/長方形 574"/>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6" name="正方形/長方形 575"/>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7" name="正方形/長方形 576"/>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8" name="正方形/長方形 577"/>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9" name="正方形/長方形 578"/>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0" name="テキスト ボックス 579"/>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1" name="直線コネクタ 580"/>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82" name="直線コネクタ 581"/>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83" name="テキスト ボックス 582"/>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84" name="直線コネクタ 583"/>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5" name="テキスト ボックス 584"/>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6" name="直線コネクタ 585"/>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7" name="テキスト ボックス 586"/>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8" name="直線コネクタ 587"/>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9" name="テキスト ボックス 588"/>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90" name="直線コネクタ 589"/>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91" name="テキスト ボックス 590"/>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2" name="直線コネクタ 591"/>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3" name="テキスト ボックス 592"/>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4"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50800</xdr:rowOff>
    </xdr:to>
    <xdr:cxnSp macro="">
      <xdr:nvCxnSpPr>
        <xdr:cNvPr id="595" name="直線コネクタ 594"/>
        <xdr:cNvCxnSpPr/>
      </xdr:nvCxnSpPr>
      <xdr:spPr>
        <a:xfrm flipV="1">
          <a:off x="19509104" y="9387840"/>
          <a:ext cx="0" cy="1391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4627</xdr:rowOff>
    </xdr:from>
    <xdr:ext cx="469744" cy="259045"/>
    <xdr:sp macro="" textlink="">
      <xdr:nvSpPr>
        <xdr:cNvPr id="596" name="【保健センター・保健所】&#10;一人当たり面積最小値テキスト"/>
        <xdr:cNvSpPr txBox="1"/>
      </xdr:nvSpPr>
      <xdr:spPr>
        <a:xfrm>
          <a:off x="19547840" y="10783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0800</xdr:rowOff>
    </xdr:from>
    <xdr:to>
      <xdr:col>116</xdr:col>
      <xdr:colOff>152400</xdr:colOff>
      <xdr:row>64</xdr:row>
      <xdr:rowOff>50800</xdr:rowOff>
    </xdr:to>
    <xdr:cxnSp macro="">
      <xdr:nvCxnSpPr>
        <xdr:cNvPr id="597" name="直線コネクタ 596"/>
        <xdr:cNvCxnSpPr/>
      </xdr:nvCxnSpPr>
      <xdr:spPr>
        <a:xfrm>
          <a:off x="19443700" y="107797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598" name="【保健センター・保健所】&#10;一人当たり面積最大値テキスト"/>
        <xdr:cNvSpPr txBox="1"/>
      </xdr:nvSpPr>
      <xdr:spPr>
        <a:xfrm>
          <a:off x="19547840" y="9170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599" name="直線コネクタ 598"/>
        <xdr:cNvCxnSpPr/>
      </xdr:nvCxnSpPr>
      <xdr:spPr>
        <a:xfrm>
          <a:off x="19443700" y="93878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29227</xdr:rowOff>
    </xdr:from>
    <xdr:ext cx="469744" cy="259045"/>
    <xdr:sp macro="" textlink="">
      <xdr:nvSpPr>
        <xdr:cNvPr id="600" name="【保健センター・保健所】&#10;一人当たり面積平均値テキスト"/>
        <xdr:cNvSpPr txBox="1"/>
      </xdr:nvSpPr>
      <xdr:spPr>
        <a:xfrm>
          <a:off x="19547840" y="10087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50</xdr:rowOff>
    </xdr:from>
    <xdr:to>
      <xdr:col>116</xdr:col>
      <xdr:colOff>114300</xdr:colOff>
      <xdr:row>61</xdr:row>
      <xdr:rowOff>107950</xdr:rowOff>
    </xdr:to>
    <xdr:sp macro="" textlink="">
      <xdr:nvSpPr>
        <xdr:cNvPr id="601" name="フローチャート: 判断 600"/>
        <xdr:cNvSpPr/>
      </xdr:nvSpPr>
      <xdr:spPr>
        <a:xfrm>
          <a:off x="1945894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6350</xdr:rowOff>
    </xdr:from>
    <xdr:to>
      <xdr:col>112</xdr:col>
      <xdr:colOff>38100</xdr:colOff>
      <xdr:row>61</xdr:row>
      <xdr:rowOff>107950</xdr:rowOff>
    </xdr:to>
    <xdr:sp macro="" textlink="">
      <xdr:nvSpPr>
        <xdr:cNvPr id="602" name="フローチャート: 判断 601"/>
        <xdr:cNvSpPr/>
      </xdr:nvSpPr>
      <xdr:spPr>
        <a:xfrm>
          <a:off x="18735040" y="1023239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65100</xdr:rowOff>
    </xdr:from>
    <xdr:to>
      <xdr:col>107</xdr:col>
      <xdr:colOff>101600</xdr:colOff>
      <xdr:row>61</xdr:row>
      <xdr:rowOff>95250</xdr:rowOff>
    </xdr:to>
    <xdr:sp macro="" textlink="">
      <xdr:nvSpPr>
        <xdr:cNvPr id="603" name="フローチャート: 判断 602"/>
        <xdr:cNvSpPr/>
      </xdr:nvSpPr>
      <xdr:spPr>
        <a:xfrm>
          <a:off x="17937480" y="102235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9050</xdr:rowOff>
    </xdr:from>
    <xdr:to>
      <xdr:col>102</xdr:col>
      <xdr:colOff>165100</xdr:colOff>
      <xdr:row>61</xdr:row>
      <xdr:rowOff>120650</xdr:rowOff>
    </xdr:to>
    <xdr:sp macro="" textlink="">
      <xdr:nvSpPr>
        <xdr:cNvPr id="604" name="フローチャート: 判断 603"/>
        <xdr:cNvSpPr/>
      </xdr:nvSpPr>
      <xdr:spPr>
        <a:xfrm>
          <a:off x="17162780" y="10245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1750</xdr:rowOff>
    </xdr:from>
    <xdr:to>
      <xdr:col>98</xdr:col>
      <xdr:colOff>38100</xdr:colOff>
      <xdr:row>61</xdr:row>
      <xdr:rowOff>133350</xdr:rowOff>
    </xdr:to>
    <xdr:sp macro="" textlink="">
      <xdr:nvSpPr>
        <xdr:cNvPr id="605" name="フローチャート: 判断 604"/>
        <xdr:cNvSpPr/>
      </xdr:nvSpPr>
      <xdr:spPr>
        <a:xfrm>
          <a:off x="16388080" y="1025779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6" name="テキスト ボックス 605"/>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7" name="テキスト ボックス 606"/>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8" name="テキスト ボックス 607"/>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9" name="テキスト ボックス 608"/>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0" name="テキスト ボックス 609"/>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0650</xdr:rowOff>
    </xdr:from>
    <xdr:to>
      <xdr:col>116</xdr:col>
      <xdr:colOff>114300</xdr:colOff>
      <xdr:row>64</xdr:row>
      <xdr:rowOff>50800</xdr:rowOff>
    </xdr:to>
    <xdr:sp macro="" textlink="">
      <xdr:nvSpPr>
        <xdr:cNvPr id="611" name="楕円 610"/>
        <xdr:cNvSpPr/>
      </xdr:nvSpPr>
      <xdr:spPr>
        <a:xfrm>
          <a:off x="19458940" y="106819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35577</xdr:rowOff>
    </xdr:from>
    <xdr:ext cx="469744" cy="259045"/>
    <xdr:sp macro="" textlink="">
      <xdr:nvSpPr>
        <xdr:cNvPr id="612" name="【保健センター・保健所】&#10;一人当たり面積該当値テキスト"/>
        <xdr:cNvSpPr txBox="1"/>
      </xdr:nvSpPr>
      <xdr:spPr>
        <a:xfrm>
          <a:off x="19547840" y="10596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0650</xdr:rowOff>
    </xdr:from>
    <xdr:to>
      <xdr:col>112</xdr:col>
      <xdr:colOff>38100</xdr:colOff>
      <xdr:row>64</xdr:row>
      <xdr:rowOff>50800</xdr:rowOff>
    </xdr:to>
    <xdr:sp macro="" textlink="">
      <xdr:nvSpPr>
        <xdr:cNvPr id="613" name="楕円 612"/>
        <xdr:cNvSpPr/>
      </xdr:nvSpPr>
      <xdr:spPr>
        <a:xfrm>
          <a:off x="18735040" y="106819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0</xdr:rowOff>
    </xdr:from>
    <xdr:to>
      <xdr:col>116</xdr:col>
      <xdr:colOff>63500</xdr:colOff>
      <xdr:row>64</xdr:row>
      <xdr:rowOff>0</xdr:rowOff>
    </xdr:to>
    <xdr:cxnSp macro="">
      <xdr:nvCxnSpPr>
        <xdr:cNvPr id="614" name="直線コネクタ 613"/>
        <xdr:cNvCxnSpPr/>
      </xdr:nvCxnSpPr>
      <xdr:spPr>
        <a:xfrm>
          <a:off x="18778220" y="1072896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20650</xdr:rowOff>
    </xdr:from>
    <xdr:to>
      <xdr:col>107</xdr:col>
      <xdr:colOff>101600</xdr:colOff>
      <xdr:row>64</xdr:row>
      <xdr:rowOff>50800</xdr:rowOff>
    </xdr:to>
    <xdr:sp macro="" textlink="">
      <xdr:nvSpPr>
        <xdr:cNvPr id="615" name="楕円 614"/>
        <xdr:cNvSpPr/>
      </xdr:nvSpPr>
      <xdr:spPr>
        <a:xfrm>
          <a:off x="17937480" y="106819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0</xdr:rowOff>
    </xdr:from>
    <xdr:to>
      <xdr:col>111</xdr:col>
      <xdr:colOff>177800</xdr:colOff>
      <xdr:row>64</xdr:row>
      <xdr:rowOff>0</xdr:rowOff>
    </xdr:to>
    <xdr:cxnSp macro="">
      <xdr:nvCxnSpPr>
        <xdr:cNvPr id="616" name="直線コネクタ 615"/>
        <xdr:cNvCxnSpPr/>
      </xdr:nvCxnSpPr>
      <xdr:spPr>
        <a:xfrm>
          <a:off x="17988280" y="1072896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20650</xdr:rowOff>
    </xdr:from>
    <xdr:to>
      <xdr:col>102</xdr:col>
      <xdr:colOff>165100</xdr:colOff>
      <xdr:row>64</xdr:row>
      <xdr:rowOff>50800</xdr:rowOff>
    </xdr:to>
    <xdr:sp macro="" textlink="">
      <xdr:nvSpPr>
        <xdr:cNvPr id="617" name="楕円 616"/>
        <xdr:cNvSpPr/>
      </xdr:nvSpPr>
      <xdr:spPr>
        <a:xfrm>
          <a:off x="17162780" y="106819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0</xdr:rowOff>
    </xdr:from>
    <xdr:to>
      <xdr:col>107</xdr:col>
      <xdr:colOff>50800</xdr:colOff>
      <xdr:row>64</xdr:row>
      <xdr:rowOff>0</xdr:rowOff>
    </xdr:to>
    <xdr:cxnSp macro="">
      <xdr:nvCxnSpPr>
        <xdr:cNvPr id="618" name="直線コネクタ 617"/>
        <xdr:cNvCxnSpPr/>
      </xdr:nvCxnSpPr>
      <xdr:spPr>
        <a:xfrm>
          <a:off x="17213580" y="1072896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65100</xdr:rowOff>
    </xdr:from>
    <xdr:to>
      <xdr:col>98</xdr:col>
      <xdr:colOff>38100</xdr:colOff>
      <xdr:row>63</xdr:row>
      <xdr:rowOff>95250</xdr:rowOff>
    </xdr:to>
    <xdr:sp macro="" textlink="">
      <xdr:nvSpPr>
        <xdr:cNvPr id="619" name="楕円 618"/>
        <xdr:cNvSpPr/>
      </xdr:nvSpPr>
      <xdr:spPr>
        <a:xfrm>
          <a:off x="16388080" y="1055878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44450</xdr:rowOff>
    </xdr:from>
    <xdr:to>
      <xdr:col>102</xdr:col>
      <xdr:colOff>114300</xdr:colOff>
      <xdr:row>64</xdr:row>
      <xdr:rowOff>0</xdr:rowOff>
    </xdr:to>
    <xdr:cxnSp macro="">
      <xdr:nvCxnSpPr>
        <xdr:cNvPr id="620" name="直線コネクタ 619"/>
        <xdr:cNvCxnSpPr/>
      </xdr:nvCxnSpPr>
      <xdr:spPr>
        <a:xfrm>
          <a:off x="16431260" y="10605770"/>
          <a:ext cx="782320" cy="123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24477</xdr:rowOff>
    </xdr:from>
    <xdr:ext cx="469744" cy="259045"/>
    <xdr:sp macro="" textlink="">
      <xdr:nvSpPr>
        <xdr:cNvPr id="621" name="n_1aveValue【保健センター・保健所】&#10;一人当たり面積"/>
        <xdr:cNvSpPr txBox="1"/>
      </xdr:nvSpPr>
      <xdr:spPr>
        <a:xfrm>
          <a:off x="18561127" y="10015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11777</xdr:rowOff>
    </xdr:from>
    <xdr:ext cx="469744" cy="259045"/>
    <xdr:sp macro="" textlink="">
      <xdr:nvSpPr>
        <xdr:cNvPr id="622" name="n_2aveValue【保健センター・保健所】&#10;一人当たり面積"/>
        <xdr:cNvSpPr txBox="1"/>
      </xdr:nvSpPr>
      <xdr:spPr>
        <a:xfrm>
          <a:off x="17776267" y="10002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37177</xdr:rowOff>
    </xdr:from>
    <xdr:ext cx="469744" cy="259045"/>
    <xdr:sp macro="" textlink="">
      <xdr:nvSpPr>
        <xdr:cNvPr id="623" name="n_3aveValue【保健センター・保健所】&#10;一人当たり面積"/>
        <xdr:cNvSpPr txBox="1"/>
      </xdr:nvSpPr>
      <xdr:spPr>
        <a:xfrm>
          <a:off x="17001567" y="10027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9877</xdr:rowOff>
    </xdr:from>
    <xdr:ext cx="469744" cy="259045"/>
    <xdr:sp macro="" textlink="">
      <xdr:nvSpPr>
        <xdr:cNvPr id="624" name="n_4aveValue【保健センター・保健所】&#10;一人当たり面積"/>
        <xdr:cNvSpPr txBox="1"/>
      </xdr:nvSpPr>
      <xdr:spPr>
        <a:xfrm>
          <a:off x="16226867" y="10040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41927</xdr:rowOff>
    </xdr:from>
    <xdr:ext cx="469744" cy="259045"/>
    <xdr:sp macro="" textlink="">
      <xdr:nvSpPr>
        <xdr:cNvPr id="625" name="n_1mainValue【保健センター・保健所】&#10;一人当たり面積"/>
        <xdr:cNvSpPr txBox="1"/>
      </xdr:nvSpPr>
      <xdr:spPr>
        <a:xfrm>
          <a:off x="18561127"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41927</xdr:rowOff>
    </xdr:from>
    <xdr:ext cx="469744" cy="259045"/>
    <xdr:sp macro="" textlink="">
      <xdr:nvSpPr>
        <xdr:cNvPr id="626" name="n_2mainValue【保健センター・保健所】&#10;一人当たり面積"/>
        <xdr:cNvSpPr txBox="1"/>
      </xdr:nvSpPr>
      <xdr:spPr>
        <a:xfrm>
          <a:off x="17776267"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41927</xdr:rowOff>
    </xdr:from>
    <xdr:ext cx="469744" cy="259045"/>
    <xdr:sp macro="" textlink="">
      <xdr:nvSpPr>
        <xdr:cNvPr id="627" name="n_3mainValue【保健センター・保健所】&#10;一人当たり面積"/>
        <xdr:cNvSpPr txBox="1"/>
      </xdr:nvSpPr>
      <xdr:spPr>
        <a:xfrm>
          <a:off x="17001567"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86377</xdr:rowOff>
    </xdr:from>
    <xdr:ext cx="469744" cy="259045"/>
    <xdr:sp macro="" textlink="">
      <xdr:nvSpPr>
        <xdr:cNvPr id="628" name="n_4mainValue【保健センター・保健所】&#10;一人当たり面積"/>
        <xdr:cNvSpPr txBox="1"/>
      </xdr:nvSpPr>
      <xdr:spPr>
        <a:xfrm>
          <a:off x="16226867" y="10647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9" name="正方形/長方形 628"/>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30" name="正方形/長方形 629"/>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31" name="正方形/長方形 630"/>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2" name="正方形/長方形 631"/>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3" name="正方形/長方形 632"/>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4" name="正方形/長方形 633"/>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5" name="正方形/長方形 634"/>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6" name="正方形/長方形 635"/>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7" name="テキスト ボックス 636"/>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8" name="直線コネクタ 637"/>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9" name="テキスト ボックス 638"/>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40" name="直線コネクタ 639"/>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41" name="テキスト ボックス 640"/>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42" name="直線コネクタ 641"/>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43" name="テキスト ボックス 642"/>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44" name="直線コネクタ 643"/>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45" name="テキスト ボックス 644"/>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46" name="直線コネクタ 645"/>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47" name="テキスト ボックス 646"/>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8" name="直線コネクタ 647"/>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9" name="テキスト ボックス 648"/>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50" name="直線コネクタ 649"/>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51" name="テキスト ボックス 650"/>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52" name="直線コネクタ 651"/>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53" name="【消防施設】&#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6</xdr:row>
      <xdr:rowOff>129539</xdr:rowOff>
    </xdr:to>
    <xdr:cxnSp macro="">
      <xdr:nvCxnSpPr>
        <xdr:cNvPr id="654" name="直線コネクタ 653"/>
        <xdr:cNvCxnSpPr/>
      </xdr:nvCxnSpPr>
      <xdr:spPr>
        <a:xfrm flipV="1">
          <a:off x="14375764" y="12987201"/>
          <a:ext cx="0" cy="15593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33366</xdr:rowOff>
    </xdr:from>
    <xdr:ext cx="405111" cy="259045"/>
    <xdr:sp macro="" textlink="">
      <xdr:nvSpPr>
        <xdr:cNvPr id="655" name="【消防施設】&#10;有形固定資産減価償却率最小値テキスト"/>
        <xdr:cNvSpPr txBox="1"/>
      </xdr:nvSpPr>
      <xdr:spPr>
        <a:xfrm>
          <a:off x="14414500" y="14550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29539</xdr:rowOff>
    </xdr:from>
    <xdr:to>
      <xdr:col>86</xdr:col>
      <xdr:colOff>25400</xdr:colOff>
      <xdr:row>86</xdr:row>
      <xdr:rowOff>129539</xdr:rowOff>
    </xdr:to>
    <xdr:cxnSp macro="">
      <xdr:nvCxnSpPr>
        <xdr:cNvPr id="656" name="直線コネクタ 655"/>
        <xdr:cNvCxnSpPr/>
      </xdr:nvCxnSpPr>
      <xdr:spPr>
        <a:xfrm>
          <a:off x="14287500" y="1454657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340478" cy="259045"/>
    <xdr:sp macro="" textlink="">
      <xdr:nvSpPr>
        <xdr:cNvPr id="657" name="【消防施設】&#10;有形固定資産減価償却率最大値テキスト"/>
        <xdr:cNvSpPr txBox="1"/>
      </xdr:nvSpPr>
      <xdr:spPr>
        <a:xfrm>
          <a:off x="14414500" y="1276623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658" name="直線コネクタ 657"/>
        <xdr:cNvCxnSpPr/>
      </xdr:nvCxnSpPr>
      <xdr:spPr>
        <a:xfrm>
          <a:off x="14287500" y="1298720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99621</xdr:rowOff>
    </xdr:from>
    <xdr:ext cx="405111" cy="259045"/>
    <xdr:sp macro="" textlink="">
      <xdr:nvSpPr>
        <xdr:cNvPr id="659" name="【消防施設】&#10;有形固定資産減価償却率平均値テキスト"/>
        <xdr:cNvSpPr txBox="1"/>
      </xdr:nvSpPr>
      <xdr:spPr>
        <a:xfrm>
          <a:off x="14414500" y="138461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1194</xdr:rowOff>
    </xdr:from>
    <xdr:to>
      <xdr:col>85</xdr:col>
      <xdr:colOff>177800</xdr:colOff>
      <xdr:row>83</xdr:row>
      <xdr:rowOff>51344</xdr:rowOff>
    </xdr:to>
    <xdr:sp macro="" textlink="">
      <xdr:nvSpPr>
        <xdr:cNvPr id="660" name="フローチャート: 判断 659"/>
        <xdr:cNvSpPr/>
      </xdr:nvSpPr>
      <xdr:spPr>
        <a:xfrm>
          <a:off x="14325600" y="1386767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52219</xdr:rowOff>
    </xdr:from>
    <xdr:to>
      <xdr:col>81</xdr:col>
      <xdr:colOff>101600</xdr:colOff>
      <xdr:row>83</xdr:row>
      <xdr:rowOff>82369</xdr:rowOff>
    </xdr:to>
    <xdr:sp macro="" textlink="">
      <xdr:nvSpPr>
        <xdr:cNvPr id="661" name="フローチャート: 判断 660"/>
        <xdr:cNvSpPr/>
      </xdr:nvSpPr>
      <xdr:spPr>
        <a:xfrm>
          <a:off x="13578840" y="1389869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40788</xdr:rowOff>
    </xdr:from>
    <xdr:to>
      <xdr:col>76</xdr:col>
      <xdr:colOff>165100</xdr:colOff>
      <xdr:row>83</xdr:row>
      <xdr:rowOff>70938</xdr:rowOff>
    </xdr:to>
    <xdr:sp macro="" textlink="">
      <xdr:nvSpPr>
        <xdr:cNvPr id="662" name="フローチャート: 判断 661"/>
        <xdr:cNvSpPr/>
      </xdr:nvSpPr>
      <xdr:spPr>
        <a:xfrm>
          <a:off x="12804140" y="1388726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24461</xdr:rowOff>
    </xdr:from>
    <xdr:to>
      <xdr:col>72</xdr:col>
      <xdr:colOff>38100</xdr:colOff>
      <xdr:row>83</xdr:row>
      <xdr:rowOff>54611</xdr:rowOff>
    </xdr:to>
    <xdr:sp macro="" textlink="">
      <xdr:nvSpPr>
        <xdr:cNvPr id="663" name="フローチャート: 判断 662"/>
        <xdr:cNvSpPr/>
      </xdr:nvSpPr>
      <xdr:spPr>
        <a:xfrm>
          <a:off x="12029440" y="1387094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70180</xdr:rowOff>
    </xdr:from>
    <xdr:to>
      <xdr:col>67</xdr:col>
      <xdr:colOff>101600</xdr:colOff>
      <xdr:row>82</xdr:row>
      <xdr:rowOff>100330</xdr:rowOff>
    </xdr:to>
    <xdr:sp macro="" textlink="">
      <xdr:nvSpPr>
        <xdr:cNvPr id="664" name="フローチャート: 判断 663"/>
        <xdr:cNvSpPr/>
      </xdr:nvSpPr>
      <xdr:spPr>
        <a:xfrm>
          <a:off x="11231880" y="13749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5" name="テキスト ボックス 664"/>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6" name="テキスト ボックス 665"/>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7" name="テキスト ボックス 666"/>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8" name="テキスト ボックス 667"/>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9" name="テキスト ボックス 668"/>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66914</xdr:rowOff>
    </xdr:from>
    <xdr:to>
      <xdr:col>85</xdr:col>
      <xdr:colOff>177800</xdr:colOff>
      <xdr:row>81</xdr:row>
      <xdr:rowOff>97064</xdr:rowOff>
    </xdr:to>
    <xdr:sp macro="" textlink="">
      <xdr:nvSpPr>
        <xdr:cNvPr id="670" name="楕円 669"/>
        <xdr:cNvSpPr/>
      </xdr:nvSpPr>
      <xdr:spPr>
        <a:xfrm>
          <a:off x="14325600" y="13578114"/>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18341</xdr:rowOff>
    </xdr:from>
    <xdr:ext cx="405111" cy="259045"/>
    <xdr:sp macro="" textlink="">
      <xdr:nvSpPr>
        <xdr:cNvPr id="671" name="【消防施設】&#10;有形固定資産減価償却率該当値テキスト"/>
        <xdr:cNvSpPr txBox="1"/>
      </xdr:nvSpPr>
      <xdr:spPr>
        <a:xfrm>
          <a:off x="14414500" y="13429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0161</xdr:rowOff>
    </xdr:from>
    <xdr:to>
      <xdr:col>81</xdr:col>
      <xdr:colOff>101600</xdr:colOff>
      <xdr:row>83</xdr:row>
      <xdr:rowOff>111761</xdr:rowOff>
    </xdr:to>
    <xdr:sp macro="" textlink="">
      <xdr:nvSpPr>
        <xdr:cNvPr id="672" name="楕円 671"/>
        <xdr:cNvSpPr/>
      </xdr:nvSpPr>
      <xdr:spPr>
        <a:xfrm>
          <a:off x="13578840" y="13924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46264</xdr:rowOff>
    </xdr:from>
    <xdr:to>
      <xdr:col>85</xdr:col>
      <xdr:colOff>127000</xdr:colOff>
      <xdr:row>83</xdr:row>
      <xdr:rowOff>60961</xdr:rowOff>
    </xdr:to>
    <xdr:cxnSp macro="">
      <xdr:nvCxnSpPr>
        <xdr:cNvPr id="673" name="直線コネクタ 672"/>
        <xdr:cNvCxnSpPr/>
      </xdr:nvCxnSpPr>
      <xdr:spPr>
        <a:xfrm flipV="1">
          <a:off x="13629640" y="13625104"/>
          <a:ext cx="746760" cy="349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47320</xdr:rowOff>
    </xdr:from>
    <xdr:to>
      <xdr:col>76</xdr:col>
      <xdr:colOff>165100</xdr:colOff>
      <xdr:row>83</xdr:row>
      <xdr:rowOff>77470</xdr:rowOff>
    </xdr:to>
    <xdr:sp macro="" textlink="">
      <xdr:nvSpPr>
        <xdr:cNvPr id="674" name="楕円 673"/>
        <xdr:cNvSpPr/>
      </xdr:nvSpPr>
      <xdr:spPr>
        <a:xfrm>
          <a:off x="12804140" y="138938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26670</xdr:rowOff>
    </xdr:from>
    <xdr:to>
      <xdr:col>81</xdr:col>
      <xdr:colOff>50800</xdr:colOff>
      <xdr:row>83</xdr:row>
      <xdr:rowOff>60961</xdr:rowOff>
    </xdr:to>
    <xdr:cxnSp macro="">
      <xdr:nvCxnSpPr>
        <xdr:cNvPr id="675" name="直線コネクタ 674"/>
        <xdr:cNvCxnSpPr/>
      </xdr:nvCxnSpPr>
      <xdr:spPr>
        <a:xfrm>
          <a:off x="12854940" y="13940790"/>
          <a:ext cx="7747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68548</xdr:rowOff>
    </xdr:from>
    <xdr:to>
      <xdr:col>72</xdr:col>
      <xdr:colOff>38100</xdr:colOff>
      <xdr:row>83</xdr:row>
      <xdr:rowOff>98698</xdr:rowOff>
    </xdr:to>
    <xdr:sp macro="" textlink="">
      <xdr:nvSpPr>
        <xdr:cNvPr id="676" name="楕円 675"/>
        <xdr:cNvSpPr/>
      </xdr:nvSpPr>
      <xdr:spPr>
        <a:xfrm>
          <a:off x="12029440" y="1391502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26670</xdr:rowOff>
    </xdr:from>
    <xdr:to>
      <xdr:col>76</xdr:col>
      <xdr:colOff>114300</xdr:colOff>
      <xdr:row>83</xdr:row>
      <xdr:rowOff>47898</xdr:rowOff>
    </xdr:to>
    <xdr:cxnSp macro="">
      <xdr:nvCxnSpPr>
        <xdr:cNvPr id="677" name="直線コネクタ 676"/>
        <xdr:cNvCxnSpPr/>
      </xdr:nvCxnSpPr>
      <xdr:spPr>
        <a:xfrm flipV="1">
          <a:off x="12072620" y="13940790"/>
          <a:ext cx="78232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34257</xdr:rowOff>
    </xdr:from>
    <xdr:to>
      <xdr:col>67</xdr:col>
      <xdr:colOff>101600</xdr:colOff>
      <xdr:row>83</xdr:row>
      <xdr:rowOff>64407</xdr:rowOff>
    </xdr:to>
    <xdr:sp macro="" textlink="">
      <xdr:nvSpPr>
        <xdr:cNvPr id="678" name="楕円 677"/>
        <xdr:cNvSpPr/>
      </xdr:nvSpPr>
      <xdr:spPr>
        <a:xfrm>
          <a:off x="11231880" y="1388073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3607</xdr:rowOff>
    </xdr:from>
    <xdr:to>
      <xdr:col>71</xdr:col>
      <xdr:colOff>177800</xdr:colOff>
      <xdr:row>83</xdr:row>
      <xdr:rowOff>47898</xdr:rowOff>
    </xdr:to>
    <xdr:cxnSp macro="">
      <xdr:nvCxnSpPr>
        <xdr:cNvPr id="679" name="直線コネクタ 678"/>
        <xdr:cNvCxnSpPr/>
      </xdr:nvCxnSpPr>
      <xdr:spPr>
        <a:xfrm>
          <a:off x="11282680" y="13927727"/>
          <a:ext cx="78994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98896</xdr:rowOff>
    </xdr:from>
    <xdr:ext cx="405111" cy="259045"/>
    <xdr:sp macro="" textlink="">
      <xdr:nvSpPr>
        <xdr:cNvPr id="680" name="n_1aveValue【消防施設】&#10;有形固定資産減価償却率"/>
        <xdr:cNvSpPr txBox="1"/>
      </xdr:nvSpPr>
      <xdr:spPr>
        <a:xfrm>
          <a:off x="13437244" y="136777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87465</xdr:rowOff>
    </xdr:from>
    <xdr:ext cx="405111" cy="259045"/>
    <xdr:sp macro="" textlink="">
      <xdr:nvSpPr>
        <xdr:cNvPr id="681" name="n_2aveValue【消防施設】&#10;有形固定資産減価償却率"/>
        <xdr:cNvSpPr txBox="1"/>
      </xdr:nvSpPr>
      <xdr:spPr>
        <a:xfrm>
          <a:off x="12675244" y="13666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71138</xdr:rowOff>
    </xdr:from>
    <xdr:ext cx="405111" cy="259045"/>
    <xdr:sp macro="" textlink="">
      <xdr:nvSpPr>
        <xdr:cNvPr id="682" name="n_3aveValue【消防施設】&#10;有形固定資産減価償却率"/>
        <xdr:cNvSpPr txBox="1"/>
      </xdr:nvSpPr>
      <xdr:spPr>
        <a:xfrm>
          <a:off x="11900544" y="136499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16857</xdr:rowOff>
    </xdr:from>
    <xdr:ext cx="405111" cy="259045"/>
    <xdr:sp macro="" textlink="">
      <xdr:nvSpPr>
        <xdr:cNvPr id="683" name="n_4aveValue【消防施設】&#10;有形固定資産減価償却率"/>
        <xdr:cNvSpPr txBox="1"/>
      </xdr:nvSpPr>
      <xdr:spPr>
        <a:xfrm>
          <a:off x="11102984" y="1352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02888</xdr:rowOff>
    </xdr:from>
    <xdr:ext cx="405111" cy="259045"/>
    <xdr:sp macro="" textlink="">
      <xdr:nvSpPr>
        <xdr:cNvPr id="684" name="n_1mainValue【消防施設】&#10;有形固定資産減価償却率"/>
        <xdr:cNvSpPr txBox="1"/>
      </xdr:nvSpPr>
      <xdr:spPr>
        <a:xfrm>
          <a:off x="13437244" y="140170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68597</xdr:rowOff>
    </xdr:from>
    <xdr:ext cx="405111" cy="259045"/>
    <xdr:sp macro="" textlink="">
      <xdr:nvSpPr>
        <xdr:cNvPr id="685" name="n_2mainValue【消防施設】&#10;有形固定資産減価償却率"/>
        <xdr:cNvSpPr txBox="1"/>
      </xdr:nvSpPr>
      <xdr:spPr>
        <a:xfrm>
          <a:off x="12675244" y="1398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89825</xdr:rowOff>
    </xdr:from>
    <xdr:ext cx="405111" cy="259045"/>
    <xdr:sp macro="" textlink="">
      <xdr:nvSpPr>
        <xdr:cNvPr id="686" name="n_3mainValue【消防施設】&#10;有形固定資産減価償却率"/>
        <xdr:cNvSpPr txBox="1"/>
      </xdr:nvSpPr>
      <xdr:spPr>
        <a:xfrm>
          <a:off x="11900544" y="140039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55534</xdr:rowOff>
    </xdr:from>
    <xdr:ext cx="405111" cy="259045"/>
    <xdr:sp macro="" textlink="">
      <xdr:nvSpPr>
        <xdr:cNvPr id="687" name="n_4mainValue【消防施設】&#10;有形固定資産減価償却率"/>
        <xdr:cNvSpPr txBox="1"/>
      </xdr:nvSpPr>
      <xdr:spPr>
        <a:xfrm>
          <a:off x="11102984" y="13969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8" name="正方形/長方形 687"/>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9" name="正方形/長方形 688"/>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90" name="正方形/長方形 689"/>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91" name="正方形/長方形 690"/>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92" name="正方形/長方形 691"/>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3" name="正方形/長方形 692"/>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4" name="正方形/長方形 693"/>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5" name="正方形/長方形 694"/>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6" name="テキスト ボックス 695"/>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7" name="直線コネクタ 696"/>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98" name="直線コネクタ 697"/>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9" name="テキスト ボックス 698"/>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00" name="直線コネクタ 699"/>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01" name="テキスト ボックス 700"/>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02" name="直線コネクタ 701"/>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03" name="テキスト ボックス 702"/>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04" name="直線コネクタ 703"/>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05" name="テキスト ボックス 704"/>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6" name="直線コネクタ 705"/>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7" name="テキスト ボックス 706"/>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8" name="【消防施設】&#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83820</xdr:rowOff>
    </xdr:from>
    <xdr:to>
      <xdr:col>116</xdr:col>
      <xdr:colOff>62864</xdr:colOff>
      <xdr:row>86</xdr:row>
      <xdr:rowOff>6096</xdr:rowOff>
    </xdr:to>
    <xdr:cxnSp macro="">
      <xdr:nvCxnSpPr>
        <xdr:cNvPr id="709" name="直線コネクタ 708"/>
        <xdr:cNvCxnSpPr/>
      </xdr:nvCxnSpPr>
      <xdr:spPr>
        <a:xfrm flipV="1">
          <a:off x="19509104" y="13159740"/>
          <a:ext cx="0" cy="12633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23</xdr:rowOff>
    </xdr:from>
    <xdr:ext cx="469744" cy="259045"/>
    <xdr:sp macro="" textlink="">
      <xdr:nvSpPr>
        <xdr:cNvPr id="710" name="【消防施設】&#10;一人当たり面積最小値テキスト"/>
        <xdr:cNvSpPr txBox="1"/>
      </xdr:nvSpPr>
      <xdr:spPr>
        <a:xfrm>
          <a:off x="19547840" y="14426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096</xdr:rowOff>
    </xdr:from>
    <xdr:to>
      <xdr:col>116</xdr:col>
      <xdr:colOff>152400</xdr:colOff>
      <xdr:row>86</xdr:row>
      <xdr:rowOff>6096</xdr:rowOff>
    </xdr:to>
    <xdr:cxnSp macro="">
      <xdr:nvCxnSpPr>
        <xdr:cNvPr id="711" name="直線コネクタ 710"/>
        <xdr:cNvCxnSpPr/>
      </xdr:nvCxnSpPr>
      <xdr:spPr>
        <a:xfrm>
          <a:off x="19443700" y="1442313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30497</xdr:rowOff>
    </xdr:from>
    <xdr:ext cx="469744" cy="259045"/>
    <xdr:sp macro="" textlink="">
      <xdr:nvSpPr>
        <xdr:cNvPr id="712" name="【消防施設】&#10;一人当たり面積最大値テキスト"/>
        <xdr:cNvSpPr txBox="1"/>
      </xdr:nvSpPr>
      <xdr:spPr>
        <a:xfrm>
          <a:off x="19547840" y="1293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3820</xdr:rowOff>
    </xdr:from>
    <xdr:to>
      <xdr:col>116</xdr:col>
      <xdr:colOff>152400</xdr:colOff>
      <xdr:row>78</xdr:row>
      <xdr:rowOff>83820</xdr:rowOff>
    </xdr:to>
    <xdr:cxnSp macro="">
      <xdr:nvCxnSpPr>
        <xdr:cNvPr id="713" name="直線コネクタ 712"/>
        <xdr:cNvCxnSpPr/>
      </xdr:nvCxnSpPr>
      <xdr:spPr>
        <a:xfrm>
          <a:off x="19443700" y="131597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45051</xdr:rowOff>
    </xdr:from>
    <xdr:ext cx="469744" cy="259045"/>
    <xdr:sp macro="" textlink="">
      <xdr:nvSpPr>
        <xdr:cNvPr id="714" name="【消防施設】&#10;一人当たり面積平均値テキスト"/>
        <xdr:cNvSpPr txBox="1"/>
      </xdr:nvSpPr>
      <xdr:spPr>
        <a:xfrm>
          <a:off x="19547840" y="138915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22174</xdr:rowOff>
    </xdr:from>
    <xdr:to>
      <xdr:col>116</xdr:col>
      <xdr:colOff>114300</xdr:colOff>
      <xdr:row>84</xdr:row>
      <xdr:rowOff>52324</xdr:rowOff>
    </xdr:to>
    <xdr:sp macro="" textlink="">
      <xdr:nvSpPr>
        <xdr:cNvPr id="715" name="フローチャート: 判断 714"/>
        <xdr:cNvSpPr/>
      </xdr:nvSpPr>
      <xdr:spPr>
        <a:xfrm>
          <a:off x="19458940" y="1403629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85598</xdr:rowOff>
    </xdr:from>
    <xdr:to>
      <xdr:col>112</xdr:col>
      <xdr:colOff>38100</xdr:colOff>
      <xdr:row>84</xdr:row>
      <xdr:rowOff>15748</xdr:rowOff>
    </xdr:to>
    <xdr:sp macro="" textlink="">
      <xdr:nvSpPr>
        <xdr:cNvPr id="716" name="フローチャート: 判断 715"/>
        <xdr:cNvSpPr/>
      </xdr:nvSpPr>
      <xdr:spPr>
        <a:xfrm>
          <a:off x="18735040" y="1399971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67311</xdr:rowOff>
    </xdr:from>
    <xdr:to>
      <xdr:col>107</xdr:col>
      <xdr:colOff>101600</xdr:colOff>
      <xdr:row>83</xdr:row>
      <xdr:rowOff>168911</xdr:rowOff>
    </xdr:to>
    <xdr:sp macro="" textlink="">
      <xdr:nvSpPr>
        <xdr:cNvPr id="717" name="フローチャート: 判断 716"/>
        <xdr:cNvSpPr/>
      </xdr:nvSpPr>
      <xdr:spPr>
        <a:xfrm>
          <a:off x="17937480" y="13981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90170</xdr:rowOff>
    </xdr:from>
    <xdr:to>
      <xdr:col>102</xdr:col>
      <xdr:colOff>165100</xdr:colOff>
      <xdr:row>84</xdr:row>
      <xdr:rowOff>20320</xdr:rowOff>
    </xdr:to>
    <xdr:sp macro="" textlink="">
      <xdr:nvSpPr>
        <xdr:cNvPr id="718" name="フローチャート: 判断 717"/>
        <xdr:cNvSpPr/>
      </xdr:nvSpPr>
      <xdr:spPr>
        <a:xfrm>
          <a:off x="17162780" y="140042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13030</xdr:rowOff>
    </xdr:from>
    <xdr:to>
      <xdr:col>98</xdr:col>
      <xdr:colOff>38100</xdr:colOff>
      <xdr:row>84</xdr:row>
      <xdr:rowOff>43180</xdr:rowOff>
    </xdr:to>
    <xdr:sp macro="" textlink="">
      <xdr:nvSpPr>
        <xdr:cNvPr id="719" name="フローチャート: 判断 718"/>
        <xdr:cNvSpPr/>
      </xdr:nvSpPr>
      <xdr:spPr>
        <a:xfrm>
          <a:off x="16388080" y="1402715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20" name="テキスト ボックス 719"/>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1" name="テキスト ボックス 720"/>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2" name="テキスト ボックス 721"/>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3" name="テキスト ボックス 722"/>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4" name="テキスト ボックス 723"/>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015</xdr:rowOff>
    </xdr:from>
    <xdr:to>
      <xdr:col>116</xdr:col>
      <xdr:colOff>114300</xdr:colOff>
      <xdr:row>84</xdr:row>
      <xdr:rowOff>102615</xdr:rowOff>
    </xdr:to>
    <xdr:sp macro="" textlink="">
      <xdr:nvSpPr>
        <xdr:cNvPr id="725" name="楕円 724"/>
        <xdr:cNvSpPr/>
      </xdr:nvSpPr>
      <xdr:spPr>
        <a:xfrm>
          <a:off x="19458940" y="14082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150892</xdr:rowOff>
    </xdr:from>
    <xdr:ext cx="469744" cy="259045"/>
    <xdr:sp macro="" textlink="">
      <xdr:nvSpPr>
        <xdr:cNvPr id="726" name="【消防施設】&#10;一人当たり面積該当値テキスト"/>
        <xdr:cNvSpPr txBox="1"/>
      </xdr:nvSpPr>
      <xdr:spPr>
        <a:xfrm>
          <a:off x="19547840" y="14065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015</xdr:rowOff>
    </xdr:from>
    <xdr:to>
      <xdr:col>112</xdr:col>
      <xdr:colOff>38100</xdr:colOff>
      <xdr:row>84</xdr:row>
      <xdr:rowOff>102615</xdr:rowOff>
    </xdr:to>
    <xdr:sp macro="" textlink="">
      <xdr:nvSpPr>
        <xdr:cNvPr id="727" name="楕円 726"/>
        <xdr:cNvSpPr/>
      </xdr:nvSpPr>
      <xdr:spPr>
        <a:xfrm>
          <a:off x="18735040" y="1408277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51815</xdr:rowOff>
    </xdr:from>
    <xdr:to>
      <xdr:col>116</xdr:col>
      <xdr:colOff>63500</xdr:colOff>
      <xdr:row>84</xdr:row>
      <xdr:rowOff>51815</xdr:rowOff>
    </xdr:to>
    <xdr:cxnSp macro="">
      <xdr:nvCxnSpPr>
        <xdr:cNvPr id="728" name="直線コネクタ 727"/>
        <xdr:cNvCxnSpPr/>
      </xdr:nvCxnSpPr>
      <xdr:spPr>
        <a:xfrm>
          <a:off x="18778220" y="14133575"/>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60452</xdr:rowOff>
    </xdr:from>
    <xdr:to>
      <xdr:col>107</xdr:col>
      <xdr:colOff>101600</xdr:colOff>
      <xdr:row>84</xdr:row>
      <xdr:rowOff>162052</xdr:rowOff>
    </xdr:to>
    <xdr:sp macro="" textlink="">
      <xdr:nvSpPr>
        <xdr:cNvPr id="729" name="楕円 728"/>
        <xdr:cNvSpPr/>
      </xdr:nvSpPr>
      <xdr:spPr>
        <a:xfrm>
          <a:off x="17937480" y="14142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51815</xdr:rowOff>
    </xdr:from>
    <xdr:to>
      <xdr:col>111</xdr:col>
      <xdr:colOff>177800</xdr:colOff>
      <xdr:row>84</xdr:row>
      <xdr:rowOff>111252</xdr:rowOff>
    </xdr:to>
    <xdr:cxnSp macro="">
      <xdr:nvCxnSpPr>
        <xdr:cNvPr id="730" name="直線コネクタ 729"/>
        <xdr:cNvCxnSpPr/>
      </xdr:nvCxnSpPr>
      <xdr:spPr>
        <a:xfrm flipV="1">
          <a:off x="17988280" y="14133575"/>
          <a:ext cx="789940" cy="59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0452</xdr:rowOff>
    </xdr:from>
    <xdr:to>
      <xdr:col>102</xdr:col>
      <xdr:colOff>165100</xdr:colOff>
      <xdr:row>84</xdr:row>
      <xdr:rowOff>162052</xdr:rowOff>
    </xdr:to>
    <xdr:sp macro="" textlink="">
      <xdr:nvSpPr>
        <xdr:cNvPr id="731" name="楕円 730"/>
        <xdr:cNvSpPr/>
      </xdr:nvSpPr>
      <xdr:spPr>
        <a:xfrm>
          <a:off x="17162780" y="14142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11252</xdr:rowOff>
    </xdr:from>
    <xdr:to>
      <xdr:col>107</xdr:col>
      <xdr:colOff>50800</xdr:colOff>
      <xdr:row>84</xdr:row>
      <xdr:rowOff>111252</xdr:rowOff>
    </xdr:to>
    <xdr:cxnSp macro="">
      <xdr:nvCxnSpPr>
        <xdr:cNvPr id="732" name="直線コネクタ 731"/>
        <xdr:cNvCxnSpPr/>
      </xdr:nvCxnSpPr>
      <xdr:spPr>
        <a:xfrm>
          <a:off x="17213580" y="14193012"/>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60452</xdr:rowOff>
    </xdr:from>
    <xdr:to>
      <xdr:col>98</xdr:col>
      <xdr:colOff>38100</xdr:colOff>
      <xdr:row>84</xdr:row>
      <xdr:rowOff>162052</xdr:rowOff>
    </xdr:to>
    <xdr:sp macro="" textlink="">
      <xdr:nvSpPr>
        <xdr:cNvPr id="733" name="楕円 732"/>
        <xdr:cNvSpPr/>
      </xdr:nvSpPr>
      <xdr:spPr>
        <a:xfrm>
          <a:off x="16388080" y="1414221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11252</xdr:rowOff>
    </xdr:from>
    <xdr:to>
      <xdr:col>102</xdr:col>
      <xdr:colOff>114300</xdr:colOff>
      <xdr:row>84</xdr:row>
      <xdr:rowOff>111252</xdr:rowOff>
    </xdr:to>
    <xdr:cxnSp macro="">
      <xdr:nvCxnSpPr>
        <xdr:cNvPr id="734" name="直線コネクタ 733"/>
        <xdr:cNvCxnSpPr/>
      </xdr:nvCxnSpPr>
      <xdr:spPr>
        <a:xfrm>
          <a:off x="16431260" y="14193012"/>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32275</xdr:rowOff>
    </xdr:from>
    <xdr:ext cx="469744" cy="259045"/>
    <xdr:sp macro="" textlink="">
      <xdr:nvSpPr>
        <xdr:cNvPr id="735" name="n_1aveValue【消防施設】&#10;一人当たり面積"/>
        <xdr:cNvSpPr txBox="1"/>
      </xdr:nvSpPr>
      <xdr:spPr>
        <a:xfrm>
          <a:off x="18561127" y="13778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3988</xdr:rowOff>
    </xdr:from>
    <xdr:ext cx="469744" cy="259045"/>
    <xdr:sp macro="" textlink="">
      <xdr:nvSpPr>
        <xdr:cNvPr id="736" name="n_2aveValue【消防施設】&#10;一人当たり面積"/>
        <xdr:cNvSpPr txBox="1"/>
      </xdr:nvSpPr>
      <xdr:spPr>
        <a:xfrm>
          <a:off x="17776267" y="13760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36847</xdr:rowOff>
    </xdr:from>
    <xdr:ext cx="469744" cy="259045"/>
    <xdr:sp macro="" textlink="">
      <xdr:nvSpPr>
        <xdr:cNvPr id="737" name="n_3aveValue【消防施設】&#10;一人当たり面積"/>
        <xdr:cNvSpPr txBox="1"/>
      </xdr:nvSpPr>
      <xdr:spPr>
        <a:xfrm>
          <a:off x="17001567" y="1378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59707</xdr:rowOff>
    </xdr:from>
    <xdr:ext cx="469744" cy="259045"/>
    <xdr:sp macro="" textlink="">
      <xdr:nvSpPr>
        <xdr:cNvPr id="738" name="n_4aveValue【消防施設】&#10;一人当たり面積"/>
        <xdr:cNvSpPr txBox="1"/>
      </xdr:nvSpPr>
      <xdr:spPr>
        <a:xfrm>
          <a:off x="16226867" y="13806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93742</xdr:rowOff>
    </xdr:from>
    <xdr:ext cx="469744" cy="259045"/>
    <xdr:sp macro="" textlink="">
      <xdr:nvSpPr>
        <xdr:cNvPr id="739" name="n_1mainValue【消防施設】&#10;一人当たり面積"/>
        <xdr:cNvSpPr txBox="1"/>
      </xdr:nvSpPr>
      <xdr:spPr>
        <a:xfrm>
          <a:off x="18561127" y="14175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53179</xdr:rowOff>
    </xdr:from>
    <xdr:ext cx="469744" cy="259045"/>
    <xdr:sp macro="" textlink="">
      <xdr:nvSpPr>
        <xdr:cNvPr id="740" name="n_2mainValue【消防施設】&#10;一人当たり面積"/>
        <xdr:cNvSpPr txBox="1"/>
      </xdr:nvSpPr>
      <xdr:spPr>
        <a:xfrm>
          <a:off x="17776267" y="14234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3179</xdr:rowOff>
    </xdr:from>
    <xdr:ext cx="469744" cy="259045"/>
    <xdr:sp macro="" textlink="">
      <xdr:nvSpPr>
        <xdr:cNvPr id="741" name="n_3mainValue【消防施設】&#10;一人当たり面積"/>
        <xdr:cNvSpPr txBox="1"/>
      </xdr:nvSpPr>
      <xdr:spPr>
        <a:xfrm>
          <a:off x="17001567" y="14234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53179</xdr:rowOff>
    </xdr:from>
    <xdr:ext cx="469744" cy="259045"/>
    <xdr:sp macro="" textlink="">
      <xdr:nvSpPr>
        <xdr:cNvPr id="742" name="n_4mainValue【消防施設】&#10;一人当たり面積"/>
        <xdr:cNvSpPr txBox="1"/>
      </xdr:nvSpPr>
      <xdr:spPr>
        <a:xfrm>
          <a:off x="16226867" y="14234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3" name="正方形/長方形 742"/>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4" name="正方形/長方形 743"/>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5" name="正方形/長方形 744"/>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6" name="正方形/長方形 745"/>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7" name="正方形/長方形 746"/>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8" name="正方形/長方形 747"/>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9" name="正方形/長方形 748"/>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0" name="正方形/長方形 749"/>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1" name="テキスト ボックス 750"/>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2" name="直線コネクタ 751"/>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3" name="テキスト ボックス 752"/>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4" name="直線コネクタ 753"/>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5" name="テキスト ボックス 754"/>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6" name="直線コネクタ 755"/>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7" name="テキスト ボックス 756"/>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8" name="直線コネクタ 757"/>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9" name="テキスト ボックス 758"/>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60" name="直線コネクタ 759"/>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61" name="テキスト ボックス 760"/>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2" name="直線コネクタ 761"/>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3" name="テキスト ボックス 762"/>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4" name="直線コネクタ 763"/>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5" name="テキスト ボックス 764"/>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6" name="直線コネクタ 765"/>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7"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0886</xdr:rowOff>
    </xdr:from>
    <xdr:to>
      <xdr:col>85</xdr:col>
      <xdr:colOff>126364</xdr:colOff>
      <xdr:row>109</xdr:row>
      <xdr:rowOff>35379</xdr:rowOff>
    </xdr:to>
    <xdr:cxnSp macro="">
      <xdr:nvCxnSpPr>
        <xdr:cNvPr id="768" name="直線コネクタ 767"/>
        <xdr:cNvCxnSpPr/>
      </xdr:nvCxnSpPr>
      <xdr:spPr>
        <a:xfrm flipV="1">
          <a:off x="14375764" y="16774886"/>
          <a:ext cx="0" cy="1533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69" name="【庁舎】&#10;有形固定資産減価償却率最小値テキスト"/>
        <xdr:cNvSpPr txBox="1"/>
      </xdr:nvSpPr>
      <xdr:spPr>
        <a:xfrm>
          <a:off x="1441450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70" name="直線コネクタ 769"/>
        <xdr:cNvCxnSpPr/>
      </xdr:nvCxnSpPr>
      <xdr:spPr>
        <a:xfrm>
          <a:off x="1428750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9013</xdr:rowOff>
    </xdr:from>
    <xdr:ext cx="340478" cy="259045"/>
    <xdr:sp macro="" textlink="">
      <xdr:nvSpPr>
        <xdr:cNvPr id="771" name="【庁舎】&#10;有形固定資産減価償却率最大値テキスト"/>
        <xdr:cNvSpPr txBox="1"/>
      </xdr:nvSpPr>
      <xdr:spPr>
        <a:xfrm>
          <a:off x="14414500" y="1655773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0886</xdr:rowOff>
    </xdr:from>
    <xdr:to>
      <xdr:col>86</xdr:col>
      <xdr:colOff>25400</xdr:colOff>
      <xdr:row>100</xdr:row>
      <xdr:rowOff>10886</xdr:rowOff>
    </xdr:to>
    <xdr:cxnSp macro="">
      <xdr:nvCxnSpPr>
        <xdr:cNvPr id="772" name="直線コネクタ 771"/>
        <xdr:cNvCxnSpPr/>
      </xdr:nvCxnSpPr>
      <xdr:spPr>
        <a:xfrm>
          <a:off x="14287500" y="1677488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61340</xdr:rowOff>
    </xdr:from>
    <xdr:ext cx="405111" cy="259045"/>
    <xdr:sp macro="" textlink="">
      <xdr:nvSpPr>
        <xdr:cNvPr id="773" name="【庁舎】&#10;有形固定資産減価償却率平均値テキスト"/>
        <xdr:cNvSpPr txBox="1"/>
      </xdr:nvSpPr>
      <xdr:spPr>
        <a:xfrm>
          <a:off x="14414500" y="1732826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8463</xdr:rowOff>
    </xdr:from>
    <xdr:to>
      <xdr:col>85</xdr:col>
      <xdr:colOff>177800</xdr:colOff>
      <xdr:row>104</xdr:row>
      <xdr:rowOff>140063</xdr:rowOff>
    </xdr:to>
    <xdr:sp macro="" textlink="">
      <xdr:nvSpPr>
        <xdr:cNvPr id="774" name="フローチャート: 判断 773"/>
        <xdr:cNvSpPr/>
      </xdr:nvSpPr>
      <xdr:spPr>
        <a:xfrm>
          <a:off x="14325600" y="17473023"/>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0714</xdr:rowOff>
    </xdr:from>
    <xdr:to>
      <xdr:col>81</xdr:col>
      <xdr:colOff>101600</xdr:colOff>
      <xdr:row>105</xdr:row>
      <xdr:rowOff>20864</xdr:rowOff>
    </xdr:to>
    <xdr:sp macro="" textlink="">
      <xdr:nvSpPr>
        <xdr:cNvPr id="775" name="フローチャート: 判断 774"/>
        <xdr:cNvSpPr/>
      </xdr:nvSpPr>
      <xdr:spPr>
        <a:xfrm>
          <a:off x="13578840" y="175252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52763</xdr:rowOff>
    </xdr:from>
    <xdr:to>
      <xdr:col>76</xdr:col>
      <xdr:colOff>165100</xdr:colOff>
      <xdr:row>105</xdr:row>
      <xdr:rowOff>82913</xdr:rowOff>
    </xdr:to>
    <xdr:sp macro="" textlink="">
      <xdr:nvSpPr>
        <xdr:cNvPr id="776" name="フローチャート: 判断 775"/>
        <xdr:cNvSpPr/>
      </xdr:nvSpPr>
      <xdr:spPr>
        <a:xfrm>
          <a:off x="12804140" y="1758732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56029</xdr:rowOff>
    </xdr:from>
    <xdr:to>
      <xdr:col>72</xdr:col>
      <xdr:colOff>38100</xdr:colOff>
      <xdr:row>105</xdr:row>
      <xdr:rowOff>86179</xdr:rowOff>
    </xdr:to>
    <xdr:sp macro="" textlink="">
      <xdr:nvSpPr>
        <xdr:cNvPr id="777" name="フローチャート: 判断 776"/>
        <xdr:cNvSpPr/>
      </xdr:nvSpPr>
      <xdr:spPr>
        <a:xfrm>
          <a:off x="12029440" y="1759058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13970</xdr:rowOff>
    </xdr:from>
    <xdr:to>
      <xdr:col>67</xdr:col>
      <xdr:colOff>101600</xdr:colOff>
      <xdr:row>105</xdr:row>
      <xdr:rowOff>115570</xdr:rowOff>
    </xdr:to>
    <xdr:sp macro="" textlink="">
      <xdr:nvSpPr>
        <xdr:cNvPr id="778" name="フローチャート: 判断 777"/>
        <xdr:cNvSpPr/>
      </xdr:nvSpPr>
      <xdr:spPr>
        <a:xfrm>
          <a:off x="11231880" y="1761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9" name="テキスト ボックス 778"/>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80" name="テキスト ボックス 779"/>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81" name="テキスト ボックス 780"/>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2" name="テキスト ボックス 781"/>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3" name="テキスト ボックス 782"/>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8057</xdr:rowOff>
    </xdr:from>
    <xdr:to>
      <xdr:col>85</xdr:col>
      <xdr:colOff>177800</xdr:colOff>
      <xdr:row>104</xdr:row>
      <xdr:rowOff>159657</xdr:rowOff>
    </xdr:to>
    <xdr:sp macro="" textlink="">
      <xdr:nvSpPr>
        <xdr:cNvPr id="784" name="楕円 783"/>
        <xdr:cNvSpPr/>
      </xdr:nvSpPr>
      <xdr:spPr>
        <a:xfrm>
          <a:off x="14325600" y="17492617"/>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36484</xdr:rowOff>
    </xdr:from>
    <xdr:ext cx="405111" cy="259045"/>
    <xdr:sp macro="" textlink="">
      <xdr:nvSpPr>
        <xdr:cNvPr id="785" name="【庁舎】&#10;有形固定資産減価償却率該当値テキスト"/>
        <xdr:cNvSpPr txBox="1"/>
      </xdr:nvSpPr>
      <xdr:spPr>
        <a:xfrm>
          <a:off x="14414500" y="17471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46231</xdr:rowOff>
    </xdr:from>
    <xdr:to>
      <xdr:col>81</xdr:col>
      <xdr:colOff>101600</xdr:colOff>
      <xdr:row>104</xdr:row>
      <xdr:rowOff>76381</xdr:rowOff>
    </xdr:to>
    <xdr:sp macro="" textlink="">
      <xdr:nvSpPr>
        <xdr:cNvPr id="786" name="楕円 785"/>
        <xdr:cNvSpPr/>
      </xdr:nvSpPr>
      <xdr:spPr>
        <a:xfrm>
          <a:off x="13578840" y="174131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25581</xdr:rowOff>
    </xdr:from>
    <xdr:to>
      <xdr:col>85</xdr:col>
      <xdr:colOff>127000</xdr:colOff>
      <xdr:row>104</xdr:row>
      <xdr:rowOff>108857</xdr:rowOff>
    </xdr:to>
    <xdr:cxnSp macro="">
      <xdr:nvCxnSpPr>
        <xdr:cNvPr id="787" name="直線コネクタ 786"/>
        <xdr:cNvCxnSpPr/>
      </xdr:nvCxnSpPr>
      <xdr:spPr>
        <a:xfrm>
          <a:off x="13629640" y="17460141"/>
          <a:ext cx="746760" cy="83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13574</xdr:rowOff>
    </xdr:from>
    <xdr:to>
      <xdr:col>76</xdr:col>
      <xdr:colOff>165100</xdr:colOff>
      <xdr:row>104</xdr:row>
      <xdr:rowOff>43724</xdr:rowOff>
    </xdr:to>
    <xdr:sp macro="" textlink="">
      <xdr:nvSpPr>
        <xdr:cNvPr id="788" name="楕円 787"/>
        <xdr:cNvSpPr/>
      </xdr:nvSpPr>
      <xdr:spPr>
        <a:xfrm>
          <a:off x="12804140" y="1738049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64374</xdr:rowOff>
    </xdr:from>
    <xdr:to>
      <xdr:col>81</xdr:col>
      <xdr:colOff>50800</xdr:colOff>
      <xdr:row>104</xdr:row>
      <xdr:rowOff>25581</xdr:rowOff>
    </xdr:to>
    <xdr:cxnSp macro="">
      <xdr:nvCxnSpPr>
        <xdr:cNvPr id="789" name="直線コネクタ 788"/>
        <xdr:cNvCxnSpPr/>
      </xdr:nvCxnSpPr>
      <xdr:spPr>
        <a:xfrm>
          <a:off x="12854940" y="17431294"/>
          <a:ext cx="774700" cy="28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84182</xdr:rowOff>
    </xdr:from>
    <xdr:to>
      <xdr:col>72</xdr:col>
      <xdr:colOff>38100</xdr:colOff>
      <xdr:row>104</xdr:row>
      <xdr:rowOff>14332</xdr:rowOff>
    </xdr:to>
    <xdr:sp macro="" textlink="">
      <xdr:nvSpPr>
        <xdr:cNvPr id="790" name="楕円 789"/>
        <xdr:cNvSpPr/>
      </xdr:nvSpPr>
      <xdr:spPr>
        <a:xfrm>
          <a:off x="12029440" y="1735110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34982</xdr:rowOff>
    </xdr:from>
    <xdr:to>
      <xdr:col>76</xdr:col>
      <xdr:colOff>114300</xdr:colOff>
      <xdr:row>103</xdr:row>
      <xdr:rowOff>164374</xdr:rowOff>
    </xdr:to>
    <xdr:cxnSp macro="">
      <xdr:nvCxnSpPr>
        <xdr:cNvPr id="791" name="直線コネクタ 790"/>
        <xdr:cNvCxnSpPr/>
      </xdr:nvCxnSpPr>
      <xdr:spPr>
        <a:xfrm>
          <a:off x="12072620" y="17401902"/>
          <a:ext cx="78232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51526</xdr:rowOff>
    </xdr:from>
    <xdr:to>
      <xdr:col>67</xdr:col>
      <xdr:colOff>101600</xdr:colOff>
      <xdr:row>103</xdr:row>
      <xdr:rowOff>153126</xdr:rowOff>
    </xdr:to>
    <xdr:sp macro="" textlink="">
      <xdr:nvSpPr>
        <xdr:cNvPr id="792" name="楕円 791"/>
        <xdr:cNvSpPr/>
      </xdr:nvSpPr>
      <xdr:spPr>
        <a:xfrm>
          <a:off x="11231880" y="17318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02326</xdr:rowOff>
    </xdr:from>
    <xdr:to>
      <xdr:col>71</xdr:col>
      <xdr:colOff>177800</xdr:colOff>
      <xdr:row>103</xdr:row>
      <xdr:rowOff>134982</xdr:rowOff>
    </xdr:to>
    <xdr:cxnSp macro="">
      <xdr:nvCxnSpPr>
        <xdr:cNvPr id="793" name="直線コネクタ 792"/>
        <xdr:cNvCxnSpPr/>
      </xdr:nvCxnSpPr>
      <xdr:spPr>
        <a:xfrm>
          <a:off x="11282680" y="17369246"/>
          <a:ext cx="78994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1991</xdr:rowOff>
    </xdr:from>
    <xdr:ext cx="405111" cy="259045"/>
    <xdr:sp macro="" textlink="">
      <xdr:nvSpPr>
        <xdr:cNvPr id="794" name="n_1aveValue【庁舎】&#10;有形固定資産減価償却率"/>
        <xdr:cNvSpPr txBox="1"/>
      </xdr:nvSpPr>
      <xdr:spPr>
        <a:xfrm>
          <a:off x="13437244" y="17614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74040</xdr:rowOff>
    </xdr:from>
    <xdr:ext cx="405111" cy="259045"/>
    <xdr:sp macro="" textlink="">
      <xdr:nvSpPr>
        <xdr:cNvPr id="795" name="n_2aveValue【庁舎】&#10;有形固定資産減価償却率"/>
        <xdr:cNvSpPr txBox="1"/>
      </xdr:nvSpPr>
      <xdr:spPr>
        <a:xfrm>
          <a:off x="12675244" y="17676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77306</xdr:rowOff>
    </xdr:from>
    <xdr:ext cx="405111" cy="259045"/>
    <xdr:sp macro="" textlink="">
      <xdr:nvSpPr>
        <xdr:cNvPr id="796" name="n_3aveValue【庁舎】&#10;有形固定資産減価償却率"/>
        <xdr:cNvSpPr txBox="1"/>
      </xdr:nvSpPr>
      <xdr:spPr>
        <a:xfrm>
          <a:off x="11900544" y="176795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06697</xdr:rowOff>
    </xdr:from>
    <xdr:ext cx="405111" cy="259045"/>
    <xdr:sp macro="" textlink="">
      <xdr:nvSpPr>
        <xdr:cNvPr id="797" name="n_4aveValue【庁舎】&#10;有形固定資産減価償却率"/>
        <xdr:cNvSpPr txBox="1"/>
      </xdr:nvSpPr>
      <xdr:spPr>
        <a:xfrm>
          <a:off x="11102984" y="17708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92908</xdr:rowOff>
    </xdr:from>
    <xdr:ext cx="405111" cy="259045"/>
    <xdr:sp macro="" textlink="">
      <xdr:nvSpPr>
        <xdr:cNvPr id="798" name="n_1mainValue【庁舎】&#10;有形固定資産減価償却率"/>
        <xdr:cNvSpPr txBox="1"/>
      </xdr:nvSpPr>
      <xdr:spPr>
        <a:xfrm>
          <a:off x="13437244" y="17192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0251</xdr:rowOff>
    </xdr:from>
    <xdr:ext cx="405111" cy="259045"/>
    <xdr:sp macro="" textlink="">
      <xdr:nvSpPr>
        <xdr:cNvPr id="799" name="n_2mainValue【庁舎】&#10;有形固定資産減価償却率"/>
        <xdr:cNvSpPr txBox="1"/>
      </xdr:nvSpPr>
      <xdr:spPr>
        <a:xfrm>
          <a:off x="12675244" y="1715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30859</xdr:rowOff>
    </xdr:from>
    <xdr:ext cx="405111" cy="259045"/>
    <xdr:sp macro="" textlink="">
      <xdr:nvSpPr>
        <xdr:cNvPr id="800" name="n_3mainValue【庁舎】&#10;有形固定資産減価償却率"/>
        <xdr:cNvSpPr txBox="1"/>
      </xdr:nvSpPr>
      <xdr:spPr>
        <a:xfrm>
          <a:off x="11900544" y="171301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69653</xdr:rowOff>
    </xdr:from>
    <xdr:ext cx="405111" cy="259045"/>
    <xdr:sp macro="" textlink="">
      <xdr:nvSpPr>
        <xdr:cNvPr id="801" name="n_4mainValue【庁舎】&#10;有形固定資産減価償却率"/>
        <xdr:cNvSpPr txBox="1"/>
      </xdr:nvSpPr>
      <xdr:spPr>
        <a:xfrm>
          <a:off x="11102984" y="17101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2" name="正方形/長方形 801"/>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3" name="正方形/長方形 802"/>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4" name="正方形/長方形 803"/>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5" name="正方形/長方形 804"/>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6" name="正方形/長方形 805"/>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7" name="正方形/長方形 806"/>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8" name="正方形/長方形 807"/>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9" name="正方形/長方形 808"/>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10" name="テキスト ボックス 809"/>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1" name="直線コネクタ 810"/>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812" name="テキスト ボックス 811"/>
        <xdr:cNvSpPr txBox="1"/>
      </xdr:nvSpPr>
      <xdr:spPr>
        <a:xfrm>
          <a:off x="1569484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813" name="直線コネクタ 812"/>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14" name="テキスト ボックス 813"/>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5" name="直線コネクタ 814"/>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6" name="テキスト ボックス 815"/>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7" name="直線コネクタ 816"/>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18" name="テキスト ボックス 817"/>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19" name="直線コネクタ 818"/>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20" name="テキスト ボックス 819"/>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21" name="直線コネクタ 820"/>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22" name="テキスト ボックス 821"/>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23" name="直線コネクタ 822"/>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24" name="テキスト ボックス 823"/>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5" name="直線コネクタ 824"/>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6" name="テキスト ボックス 825"/>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7"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2326</xdr:rowOff>
    </xdr:from>
    <xdr:to>
      <xdr:col>116</xdr:col>
      <xdr:colOff>62864</xdr:colOff>
      <xdr:row>109</xdr:row>
      <xdr:rowOff>90895</xdr:rowOff>
    </xdr:to>
    <xdr:cxnSp macro="">
      <xdr:nvCxnSpPr>
        <xdr:cNvPr id="828" name="直線コネクタ 827"/>
        <xdr:cNvCxnSpPr/>
      </xdr:nvCxnSpPr>
      <xdr:spPr>
        <a:xfrm flipV="1">
          <a:off x="19509104" y="16866326"/>
          <a:ext cx="0" cy="14973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94722</xdr:rowOff>
    </xdr:from>
    <xdr:ext cx="469744" cy="259045"/>
    <xdr:sp macro="" textlink="">
      <xdr:nvSpPr>
        <xdr:cNvPr id="829" name="【庁舎】&#10;一人当たり面積最小値テキスト"/>
        <xdr:cNvSpPr txBox="1"/>
      </xdr:nvSpPr>
      <xdr:spPr>
        <a:xfrm>
          <a:off x="19547840" y="18367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90895</xdr:rowOff>
    </xdr:from>
    <xdr:to>
      <xdr:col>116</xdr:col>
      <xdr:colOff>152400</xdr:colOff>
      <xdr:row>109</xdr:row>
      <xdr:rowOff>90895</xdr:rowOff>
    </xdr:to>
    <xdr:cxnSp macro="">
      <xdr:nvCxnSpPr>
        <xdr:cNvPr id="830" name="直線コネクタ 829"/>
        <xdr:cNvCxnSpPr/>
      </xdr:nvCxnSpPr>
      <xdr:spPr>
        <a:xfrm>
          <a:off x="19443700" y="1836365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9003</xdr:rowOff>
    </xdr:from>
    <xdr:ext cx="469744" cy="259045"/>
    <xdr:sp macro="" textlink="">
      <xdr:nvSpPr>
        <xdr:cNvPr id="831" name="【庁舎】&#10;一人当たり面積最大値テキスト"/>
        <xdr:cNvSpPr txBox="1"/>
      </xdr:nvSpPr>
      <xdr:spPr>
        <a:xfrm>
          <a:off x="19547840" y="16645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2326</xdr:rowOff>
    </xdr:from>
    <xdr:to>
      <xdr:col>116</xdr:col>
      <xdr:colOff>152400</xdr:colOff>
      <xdr:row>100</xdr:row>
      <xdr:rowOff>102326</xdr:rowOff>
    </xdr:to>
    <xdr:cxnSp macro="">
      <xdr:nvCxnSpPr>
        <xdr:cNvPr id="832" name="直線コネクタ 831"/>
        <xdr:cNvCxnSpPr/>
      </xdr:nvCxnSpPr>
      <xdr:spPr>
        <a:xfrm>
          <a:off x="19443700" y="1686632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8533</xdr:rowOff>
    </xdr:from>
    <xdr:ext cx="469744" cy="259045"/>
    <xdr:sp macro="" textlink="">
      <xdr:nvSpPr>
        <xdr:cNvPr id="833" name="【庁舎】&#10;一人当たり面積平均値テキスト"/>
        <xdr:cNvSpPr txBox="1"/>
      </xdr:nvSpPr>
      <xdr:spPr>
        <a:xfrm>
          <a:off x="19547840" y="178683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0106</xdr:rowOff>
    </xdr:from>
    <xdr:to>
      <xdr:col>116</xdr:col>
      <xdr:colOff>114300</xdr:colOff>
      <xdr:row>107</xdr:row>
      <xdr:rowOff>50256</xdr:rowOff>
    </xdr:to>
    <xdr:sp macro="" textlink="">
      <xdr:nvSpPr>
        <xdr:cNvPr id="834" name="フローチャート: 判断 833"/>
        <xdr:cNvSpPr/>
      </xdr:nvSpPr>
      <xdr:spPr>
        <a:xfrm>
          <a:off x="19458940" y="178899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87449</xdr:rowOff>
    </xdr:from>
    <xdr:to>
      <xdr:col>112</xdr:col>
      <xdr:colOff>38100</xdr:colOff>
      <xdr:row>107</xdr:row>
      <xdr:rowOff>17599</xdr:rowOff>
    </xdr:to>
    <xdr:sp macro="" textlink="">
      <xdr:nvSpPr>
        <xdr:cNvPr id="835" name="フローチャート: 判断 834"/>
        <xdr:cNvSpPr/>
      </xdr:nvSpPr>
      <xdr:spPr>
        <a:xfrm>
          <a:off x="18735040" y="1785728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26637</xdr:rowOff>
    </xdr:from>
    <xdr:to>
      <xdr:col>107</xdr:col>
      <xdr:colOff>101600</xdr:colOff>
      <xdr:row>107</xdr:row>
      <xdr:rowOff>56787</xdr:rowOff>
    </xdr:to>
    <xdr:sp macro="" textlink="">
      <xdr:nvSpPr>
        <xdr:cNvPr id="836" name="フローチャート: 判断 835"/>
        <xdr:cNvSpPr/>
      </xdr:nvSpPr>
      <xdr:spPr>
        <a:xfrm>
          <a:off x="17937480" y="1789647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837" name="フローチャート: 判断 836"/>
        <xdr:cNvSpPr/>
      </xdr:nvSpPr>
      <xdr:spPr>
        <a:xfrm>
          <a:off x="171627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52763</xdr:rowOff>
    </xdr:from>
    <xdr:to>
      <xdr:col>98</xdr:col>
      <xdr:colOff>38100</xdr:colOff>
      <xdr:row>107</xdr:row>
      <xdr:rowOff>82913</xdr:rowOff>
    </xdr:to>
    <xdr:sp macro="" textlink="">
      <xdr:nvSpPr>
        <xdr:cNvPr id="838" name="フローチャート: 判断 837"/>
        <xdr:cNvSpPr/>
      </xdr:nvSpPr>
      <xdr:spPr>
        <a:xfrm>
          <a:off x="16388080" y="1792260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9" name="テキスト ボックス 838"/>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0" name="テキスト ボックス 839"/>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1" name="テキスト ボックス 840"/>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2" name="テキスト ボックス 841"/>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3" name="テキスト ボックス 842"/>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7245</xdr:rowOff>
    </xdr:from>
    <xdr:to>
      <xdr:col>116</xdr:col>
      <xdr:colOff>114300</xdr:colOff>
      <xdr:row>107</xdr:row>
      <xdr:rowOff>27395</xdr:rowOff>
    </xdr:to>
    <xdr:sp macro="" textlink="">
      <xdr:nvSpPr>
        <xdr:cNvPr id="844" name="楕円 843"/>
        <xdr:cNvSpPr/>
      </xdr:nvSpPr>
      <xdr:spPr>
        <a:xfrm>
          <a:off x="19458940" y="1786708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20122</xdr:rowOff>
    </xdr:from>
    <xdr:ext cx="469744" cy="259045"/>
    <xdr:sp macro="" textlink="">
      <xdr:nvSpPr>
        <xdr:cNvPr id="845" name="【庁舎】&#10;一人当たり面積該当値テキスト"/>
        <xdr:cNvSpPr txBox="1"/>
      </xdr:nvSpPr>
      <xdr:spPr>
        <a:xfrm>
          <a:off x="19547840" y="17722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00512</xdr:rowOff>
    </xdr:from>
    <xdr:to>
      <xdr:col>112</xdr:col>
      <xdr:colOff>38100</xdr:colOff>
      <xdr:row>107</xdr:row>
      <xdr:rowOff>30662</xdr:rowOff>
    </xdr:to>
    <xdr:sp macro="" textlink="">
      <xdr:nvSpPr>
        <xdr:cNvPr id="846" name="楕円 845"/>
        <xdr:cNvSpPr/>
      </xdr:nvSpPr>
      <xdr:spPr>
        <a:xfrm>
          <a:off x="18735040" y="1787035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48045</xdr:rowOff>
    </xdr:from>
    <xdr:to>
      <xdr:col>116</xdr:col>
      <xdr:colOff>63500</xdr:colOff>
      <xdr:row>106</xdr:row>
      <xdr:rowOff>151312</xdr:rowOff>
    </xdr:to>
    <xdr:cxnSp macro="">
      <xdr:nvCxnSpPr>
        <xdr:cNvPr id="847" name="直線コネクタ 846"/>
        <xdr:cNvCxnSpPr/>
      </xdr:nvCxnSpPr>
      <xdr:spPr>
        <a:xfrm flipV="1">
          <a:off x="18778220" y="17917885"/>
          <a:ext cx="73152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00512</xdr:rowOff>
    </xdr:from>
    <xdr:to>
      <xdr:col>107</xdr:col>
      <xdr:colOff>101600</xdr:colOff>
      <xdr:row>107</xdr:row>
      <xdr:rowOff>30662</xdr:rowOff>
    </xdr:to>
    <xdr:sp macro="" textlink="">
      <xdr:nvSpPr>
        <xdr:cNvPr id="848" name="楕円 847"/>
        <xdr:cNvSpPr/>
      </xdr:nvSpPr>
      <xdr:spPr>
        <a:xfrm>
          <a:off x="17937480" y="1787035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51312</xdr:rowOff>
    </xdr:from>
    <xdr:to>
      <xdr:col>111</xdr:col>
      <xdr:colOff>177800</xdr:colOff>
      <xdr:row>106</xdr:row>
      <xdr:rowOff>151312</xdr:rowOff>
    </xdr:to>
    <xdr:cxnSp macro="">
      <xdr:nvCxnSpPr>
        <xdr:cNvPr id="849" name="直線コネクタ 848"/>
        <xdr:cNvCxnSpPr/>
      </xdr:nvCxnSpPr>
      <xdr:spPr>
        <a:xfrm>
          <a:off x="17988280" y="17921152"/>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97245</xdr:rowOff>
    </xdr:from>
    <xdr:to>
      <xdr:col>102</xdr:col>
      <xdr:colOff>165100</xdr:colOff>
      <xdr:row>107</xdr:row>
      <xdr:rowOff>27395</xdr:rowOff>
    </xdr:to>
    <xdr:sp macro="" textlink="">
      <xdr:nvSpPr>
        <xdr:cNvPr id="850" name="楕円 849"/>
        <xdr:cNvSpPr/>
      </xdr:nvSpPr>
      <xdr:spPr>
        <a:xfrm>
          <a:off x="17162780" y="1786708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48045</xdr:rowOff>
    </xdr:from>
    <xdr:to>
      <xdr:col>107</xdr:col>
      <xdr:colOff>50800</xdr:colOff>
      <xdr:row>106</xdr:row>
      <xdr:rowOff>151312</xdr:rowOff>
    </xdr:to>
    <xdr:cxnSp macro="">
      <xdr:nvCxnSpPr>
        <xdr:cNvPr id="851" name="直線コネクタ 850"/>
        <xdr:cNvCxnSpPr/>
      </xdr:nvCxnSpPr>
      <xdr:spPr>
        <a:xfrm>
          <a:off x="17213580" y="17917885"/>
          <a:ext cx="7747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00512</xdr:rowOff>
    </xdr:from>
    <xdr:to>
      <xdr:col>98</xdr:col>
      <xdr:colOff>38100</xdr:colOff>
      <xdr:row>107</xdr:row>
      <xdr:rowOff>30662</xdr:rowOff>
    </xdr:to>
    <xdr:sp macro="" textlink="">
      <xdr:nvSpPr>
        <xdr:cNvPr id="852" name="楕円 851"/>
        <xdr:cNvSpPr/>
      </xdr:nvSpPr>
      <xdr:spPr>
        <a:xfrm>
          <a:off x="16388080" y="1787035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148045</xdr:rowOff>
    </xdr:from>
    <xdr:to>
      <xdr:col>102</xdr:col>
      <xdr:colOff>114300</xdr:colOff>
      <xdr:row>106</xdr:row>
      <xdr:rowOff>151312</xdr:rowOff>
    </xdr:to>
    <xdr:cxnSp macro="">
      <xdr:nvCxnSpPr>
        <xdr:cNvPr id="853" name="直線コネクタ 852"/>
        <xdr:cNvCxnSpPr/>
      </xdr:nvCxnSpPr>
      <xdr:spPr>
        <a:xfrm flipV="1">
          <a:off x="16431260" y="17917885"/>
          <a:ext cx="78232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34126</xdr:rowOff>
    </xdr:from>
    <xdr:ext cx="469744" cy="259045"/>
    <xdr:sp macro="" textlink="">
      <xdr:nvSpPr>
        <xdr:cNvPr id="854" name="n_1aveValue【庁舎】&#10;一人当たり面積"/>
        <xdr:cNvSpPr txBox="1"/>
      </xdr:nvSpPr>
      <xdr:spPr>
        <a:xfrm>
          <a:off x="18561127" y="17636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47914</xdr:rowOff>
    </xdr:from>
    <xdr:ext cx="469744" cy="259045"/>
    <xdr:sp macro="" textlink="">
      <xdr:nvSpPr>
        <xdr:cNvPr id="855" name="n_2aveValue【庁舎】&#10;一人当たり面積"/>
        <xdr:cNvSpPr txBox="1"/>
      </xdr:nvSpPr>
      <xdr:spPr>
        <a:xfrm>
          <a:off x="17776267" y="17985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64243</xdr:rowOff>
    </xdr:from>
    <xdr:ext cx="469744" cy="259045"/>
    <xdr:sp macro="" textlink="">
      <xdr:nvSpPr>
        <xdr:cNvPr id="856" name="n_3aveValue【庁舎】&#10;一人当たり面積"/>
        <xdr:cNvSpPr txBox="1"/>
      </xdr:nvSpPr>
      <xdr:spPr>
        <a:xfrm>
          <a:off x="17001567" y="18001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74040</xdr:rowOff>
    </xdr:from>
    <xdr:ext cx="469744" cy="259045"/>
    <xdr:sp macro="" textlink="">
      <xdr:nvSpPr>
        <xdr:cNvPr id="857" name="n_4aveValue【庁舎】&#10;一人当たり面積"/>
        <xdr:cNvSpPr txBox="1"/>
      </xdr:nvSpPr>
      <xdr:spPr>
        <a:xfrm>
          <a:off x="16226867" y="18011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21789</xdr:rowOff>
    </xdr:from>
    <xdr:ext cx="469744" cy="259045"/>
    <xdr:sp macro="" textlink="">
      <xdr:nvSpPr>
        <xdr:cNvPr id="858" name="n_1mainValue【庁舎】&#10;一人当たり面積"/>
        <xdr:cNvSpPr txBox="1"/>
      </xdr:nvSpPr>
      <xdr:spPr>
        <a:xfrm>
          <a:off x="18561127" y="17959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47189</xdr:rowOff>
    </xdr:from>
    <xdr:ext cx="469744" cy="259045"/>
    <xdr:sp macro="" textlink="">
      <xdr:nvSpPr>
        <xdr:cNvPr id="859" name="n_2mainValue【庁舎】&#10;一人当たり面積"/>
        <xdr:cNvSpPr txBox="1"/>
      </xdr:nvSpPr>
      <xdr:spPr>
        <a:xfrm>
          <a:off x="17776267" y="17649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43922</xdr:rowOff>
    </xdr:from>
    <xdr:ext cx="469744" cy="259045"/>
    <xdr:sp macro="" textlink="">
      <xdr:nvSpPr>
        <xdr:cNvPr id="860" name="n_3mainValue【庁舎】&#10;一人当たり面積"/>
        <xdr:cNvSpPr txBox="1"/>
      </xdr:nvSpPr>
      <xdr:spPr>
        <a:xfrm>
          <a:off x="17001567" y="17646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47189</xdr:rowOff>
    </xdr:from>
    <xdr:ext cx="469744" cy="259045"/>
    <xdr:sp macro="" textlink="">
      <xdr:nvSpPr>
        <xdr:cNvPr id="861" name="n_4mainValue【庁舎】&#10;一人当たり面積"/>
        <xdr:cNvSpPr txBox="1"/>
      </xdr:nvSpPr>
      <xdr:spPr>
        <a:xfrm>
          <a:off x="16226867" y="17649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2" name="正方形/長方形 861"/>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3" name="正方形/長方形 862"/>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4" name="テキスト ボックス 863"/>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一般廃棄物処理施設</a:t>
          </a:r>
          <a:r>
            <a:rPr kumimoji="1" lang="en-US" altLang="ja-JP" sz="1100" baseline="0">
              <a:solidFill>
                <a:sysClr val="windowText" lastClr="000000"/>
              </a:solidFill>
              <a:effectLst/>
              <a:latin typeface="+mn-lt"/>
              <a:ea typeface="+mn-ea"/>
              <a:cs typeface="+mn-cs"/>
            </a:rPr>
            <a:t>】</a:t>
          </a:r>
          <a:r>
            <a:rPr kumimoji="1" lang="ja-JP" altLang="ja-JP" sz="1100" baseline="0">
              <a:solidFill>
                <a:sysClr val="windowText" lastClr="000000"/>
              </a:solidFill>
              <a:effectLst/>
              <a:latin typeface="+mn-lt"/>
              <a:ea typeface="+mn-ea"/>
              <a:cs typeface="+mn-cs"/>
            </a:rPr>
            <a:t>区分においては、</a:t>
          </a:r>
          <a:r>
            <a:rPr kumimoji="1" lang="ja-JP" altLang="en-US" sz="1100" baseline="0">
              <a:solidFill>
                <a:sysClr val="windowText" lastClr="000000"/>
              </a:solidFill>
              <a:effectLst/>
              <a:latin typeface="+mn-lt"/>
              <a:ea typeface="+mn-ea"/>
              <a:cs typeface="+mn-cs"/>
            </a:rPr>
            <a:t>高座清掃施設組合の処理施設建替工事を実施した</a:t>
          </a:r>
          <a:r>
            <a:rPr kumimoji="1" lang="ja-JP" altLang="ja-JP" sz="1100" baseline="0">
              <a:solidFill>
                <a:sysClr val="windowText" lastClr="000000"/>
              </a:solidFill>
              <a:effectLst/>
              <a:latin typeface="+mn-lt"/>
              <a:ea typeface="+mn-ea"/>
              <a:cs typeface="+mn-cs"/>
            </a:rPr>
            <a:t>ことから、有形固定資産減価償却率が</a:t>
          </a:r>
          <a:r>
            <a:rPr kumimoji="1" lang="ja-JP" altLang="en-US" sz="1100" baseline="0">
              <a:solidFill>
                <a:sysClr val="windowText" lastClr="000000"/>
              </a:solidFill>
              <a:effectLst/>
              <a:latin typeface="+mn-lt"/>
              <a:ea typeface="+mn-ea"/>
              <a:cs typeface="+mn-cs"/>
            </a:rPr>
            <a:t>大幅に</a:t>
          </a:r>
          <a:r>
            <a:rPr kumimoji="1" lang="ja-JP" altLang="ja-JP" sz="1100" baseline="0">
              <a:solidFill>
                <a:sysClr val="windowText" lastClr="000000"/>
              </a:solidFill>
              <a:effectLst/>
              <a:latin typeface="+mn-lt"/>
              <a:ea typeface="+mn-ea"/>
              <a:cs typeface="+mn-cs"/>
            </a:rPr>
            <a:t>低くなっている。</a:t>
          </a:r>
          <a:endParaRPr lang="ja-JP" altLang="ja-JP" sz="1400">
            <a:solidFill>
              <a:sysClr val="windowText" lastClr="000000"/>
            </a:solidFill>
            <a:effectLst/>
          </a:endParaRPr>
        </a:p>
        <a:p>
          <a:r>
            <a:rPr kumimoji="1" lang="en-US"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消防施設</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区分においては、</a:t>
          </a:r>
          <a:r>
            <a:rPr kumimoji="1" lang="ja-JP" altLang="en-US" sz="1100">
              <a:solidFill>
                <a:sysClr val="windowText" lastClr="000000"/>
              </a:solidFill>
              <a:effectLst/>
              <a:latin typeface="+mn-lt"/>
              <a:ea typeface="+mn-ea"/>
              <a:cs typeface="+mn-cs"/>
            </a:rPr>
            <a:t>消防本部庁舎新築工事</a:t>
          </a:r>
          <a:r>
            <a:rPr kumimoji="1" lang="ja-JP" altLang="ja-JP" sz="1100">
              <a:solidFill>
                <a:sysClr val="windowText" lastClr="000000"/>
              </a:solidFill>
              <a:effectLst/>
              <a:latin typeface="+mn-lt"/>
              <a:ea typeface="+mn-ea"/>
              <a:cs typeface="+mn-cs"/>
            </a:rPr>
            <a:t>を実施したこ</a:t>
          </a:r>
          <a:r>
            <a:rPr kumimoji="1" lang="ja-JP" altLang="en-US" sz="1100">
              <a:solidFill>
                <a:sysClr val="windowText" lastClr="000000"/>
              </a:solidFill>
              <a:effectLst/>
              <a:latin typeface="+mn-lt"/>
              <a:ea typeface="+mn-ea"/>
              <a:cs typeface="+mn-cs"/>
            </a:rPr>
            <a:t>とにより</a:t>
          </a:r>
          <a:r>
            <a:rPr kumimoji="1" lang="ja-JP" altLang="ja-JP" sz="1100">
              <a:solidFill>
                <a:sysClr val="windowText" lastClr="000000"/>
              </a:solidFill>
              <a:effectLst/>
              <a:latin typeface="+mn-lt"/>
              <a:ea typeface="+mn-ea"/>
              <a:cs typeface="+mn-cs"/>
            </a:rPr>
            <a:t>、有形固定資産減価償却率が低くな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その他の施設に係る有形固定資産減価償却率については、類似団体と近似した値となっており、適切な範囲で管理がなされている。</a:t>
          </a:r>
          <a:endParaRPr lang="ja-JP" altLang="ja-JP" sz="1400">
            <a:solidFill>
              <a:sysClr val="windowText" lastClr="000000"/>
            </a:solidFill>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86
80,728
22.14
38,741,486
37,050,872
1,129,343
16,618,470
15,880,5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2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分子である基準財政収入額は地方消費税交付金等により増となった一方、分母である基準財政需要額も社会福祉費等により増となったため、結果として</a:t>
          </a:r>
          <a:r>
            <a:rPr kumimoji="1" lang="ja-JP" altLang="ja-JP" sz="1100">
              <a:solidFill>
                <a:schemeClr val="dk1"/>
              </a:solidFill>
              <a:effectLst/>
              <a:latin typeface="+mn-lt"/>
              <a:ea typeface="+mn-ea"/>
              <a:cs typeface="+mn-cs"/>
            </a:rPr>
            <a:t>財政力指数</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横ばいとなっている。類似団体の中でも上位であるが、今後も引き続き事務事業の見直しによる歳出削減や収納率向上対策等により財政基盤の強化に努め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2522</xdr:rowOff>
    </xdr:from>
    <xdr:to>
      <xdr:col>23</xdr:col>
      <xdr:colOff>133350</xdr:colOff>
      <xdr:row>44</xdr:row>
      <xdr:rowOff>124883</xdr:rowOff>
    </xdr:to>
    <xdr:cxnSp macro="">
      <xdr:nvCxnSpPr>
        <xdr:cNvPr id="64" name="直線コネクタ 63"/>
        <xdr:cNvCxnSpPr/>
      </xdr:nvCxnSpPr>
      <xdr:spPr>
        <a:xfrm flipV="1">
          <a:off x="4953000" y="6314722"/>
          <a:ext cx="0" cy="13539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6960</xdr:rowOff>
    </xdr:from>
    <xdr:ext cx="762000" cy="259045"/>
    <xdr:sp macro="" textlink="">
      <xdr:nvSpPr>
        <xdr:cNvPr id="65" name="財政力最小値テキスト"/>
        <xdr:cNvSpPr txBox="1"/>
      </xdr:nvSpPr>
      <xdr:spPr>
        <a:xfrm>
          <a:off x="5041900" y="764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24883</xdr:rowOff>
    </xdr:from>
    <xdr:to>
      <xdr:col>24</xdr:col>
      <xdr:colOff>12700</xdr:colOff>
      <xdr:row>44</xdr:row>
      <xdr:rowOff>124883</xdr:rowOff>
    </xdr:to>
    <xdr:cxnSp macro="">
      <xdr:nvCxnSpPr>
        <xdr:cNvPr id="66" name="直線コネクタ 65"/>
        <xdr:cNvCxnSpPr/>
      </xdr:nvCxnSpPr>
      <xdr:spPr>
        <a:xfrm>
          <a:off x="4864100" y="766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7449</xdr:rowOff>
    </xdr:from>
    <xdr:ext cx="762000" cy="259045"/>
    <xdr:sp macro="" textlink="">
      <xdr:nvSpPr>
        <xdr:cNvPr id="67" name="財政力最大値テキスト"/>
        <xdr:cNvSpPr txBox="1"/>
      </xdr:nvSpPr>
      <xdr:spPr>
        <a:xfrm>
          <a:off x="5041900" y="6058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2522</xdr:rowOff>
    </xdr:from>
    <xdr:to>
      <xdr:col>24</xdr:col>
      <xdr:colOff>12700</xdr:colOff>
      <xdr:row>36</xdr:row>
      <xdr:rowOff>142522</xdr:rowOff>
    </xdr:to>
    <xdr:cxnSp macro="">
      <xdr:nvCxnSpPr>
        <xdr:cNvPr id="68" name="直線コネクタ 67"/>
        <xdr:cNvCxnSpPr/>
      </xdr:nvCxnSpPr>
      <xdr:spPr>
        <a:xfrm>
          <a:off x="4864100" y="6314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86783</xdr:rowOff>
    </xdr:from>
    <xdr:to>
      <xdr:col>23</xdr:col>
      <xdr:colOff>133350</xdr:colOff>
      <xdr:row>40</xdr:row>
      <xdr:rowOff>86783</xdr:rowOff>
    </xdr:to>
    <xdr:cxnSp macro="">
      <xdr:nvCxnSpPr>
        <xdr:cNvPr id="69" name="直線コネクタ 68"/>
        <xdr:cNvCxnSpPr/>
      </xdr:nvCxnSpPr>
      <xdr:spPr>
        <a:xfrm>
          <a:off x="4114800" y="694478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77910</xdr:rowOff>
    </xdr:from>
    <xdr:ext cx="762000" cy="259045"/>
    <xdr:sp macro="" textlink="">
      <xdr:nvSpPr>
        <xdr:cNvPr id="70" name="財政力平均値テキスト"/>
        <xdr:cNvSpPr txBox="1"/>
      </xdr:nvSpPr>
      <xdr:spPr>
        <a:xfrm>
          <a:off x="5041900" y="71073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05833</xdr:rowOff>
    </xdr:from>
    <xdr:to>
      <xdr:col>23</xdr:col>
      <xdr:colOff>184150</xdr:colOff>
      <xdr:row>42</xdr:row>
      <xdr:rowOff>35983</xdr:rowOff>
    </xdr:to>
    <xdr:sp macro="" textlink="">
      <xdr:nvSpPr>
        <xdr:cNvPr id="71" name="フローチャート: 判断 70"/>
        <xdr:cNvSpPr/>
      </xdr:nvSpPr>
      <xdr:spPr>
        <a:xfrm>
          <a:off x="4902200" y="7135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86783</xdr:rowOff>
    </xdr:from>
    <xdr:to>
      <xdr:col>19</xdr:col>
      <xdr:colOff>133350</xdr:colOff>
      <xdr:row>40</xdr:row>
      <xdr:rowOff>86783</xdr:rowOff>
    </xdr:to>
    <xdr:cxnSp macro="">
      <xdr:nvCxnSpPr>
        <xdr:cNvPr id="72" name="直線コネクタ 71"/>
        <xdr:cNvCxnSpPr/>
      </xdr:nvCxnSpPr>
      <xdr:spPr>
        <a:xfrm>
          <a:off x="3225800" y="694478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32645</xdr:rowOff>
    </xdr:from>
    <xdr:to>
      <xdr:col>19</xdr:col>
      <xdr:colOff>184150</xdr:colOff>
      <xdr:row>42</xdr:row>
      <xdr:rowOff>62795</xdr:rowOff>
    </xdr:to>
    <xdr:sp macro="" textlink="">
      <xdr:nvSpPr>
        <xdr:cNvPr id="73" name="フローチャート: 判断 72"/>
        <xdr:cNvSpPr/>
      </xdr:nvSpPr>
      <xdr:spPr>
        <a:xfrm>
          <a:off x="4064000" y="7162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47572</xdr:rowOff>
    </xdr:from>
    <xdr:ext cx="736600" cy="259045"/>
    <xdr:sp macro="" textlink="">
      <xdr:nvSpPr>
        <xdr:cNvPr id="74" name="テキスト ボックス 73"/>
        <xdr:cNvSpPr txBox="1"/>
      </xdr:nvSpPr>
      <xdr:spPr>
        <a:xfrm>
          <a:off x="3733800" y="72484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86783</xdr:rowOff>
    </xdr:from>
    <xdr:to>
      <xdr:col>15</xdr:col>
      <xdr:colOff>82550</xdr:colOff>
      <xdr:row>40</xdr:row>
      <xdr:rowOff>100189</xdr:rowOff>
    </xdr:to>
    <xdr:cxnSp macro="">
      <xdr:nvCxnSpPr>
        <xdr:cNvPr id="75" name="直線コネクタ 74"/>
        <xdr:cNvCxnSpPr/>
      </xdr:nvCxnSpPr>
      <xdr:spPr>
        <a:xfrm flipV="1">
          <a:off x="2336800" y="6944783"/>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19239</xdr:rowOff>
    </xdr:from>
    <xdr:to>
      <xdr:col>15</xdr:col>
      <xdr:colOff>133350</xdr:colOff>
      <xdr:row>42</xdr:row>
      <xdr:rowOff>49389</xdr:rowOff>
    </xdr:to>
    <xdr:sp macro="" textlink="">
      <xdr:nvSpPr>
        <xdr:cNvPr id="76" name="フローチャート: 判断 75"/>
        <xdr:cNvSpPr/>
      </xdr:nvSpPr>
      <xdr:spPr>
        <a:xfrm>
          <a:off x="3175000" y="714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34166</xdr:rowOff>
    </xdr:from>
    <xdr:ext cx="762000" cy="259045"/>
    <xdr:sp macro="" textlink="">
      <xdr:nvSpPr>
        <xdr:cNvPr id="77" name="テキスト ボックス 76"/>
        <xdr:cNvSpPr txBox="1"/>
      </xdr:nvSpPr>
      <xdr:spPr>
        <a:xfrm>
          <a:off x="2844800" y="7235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00189</xdr:rowOff>
    </xdr:from>
    <xdr:to>
      <xdr:col>11</xdr:col>
      <xdr:colOff>31750</xdr:colOff>
      <xdr:row>40</xdr:row>
      <xdr:rowOff>100189</xdr:rowOff>
    </xdr:to>
    <xdr:cxnSp macro="">
      <xdr:nvCxnSpPr>
        <xdr:cNvPr id="78" name="直線コネクタ 77"/>
        <xdr:cNvCxnSpPr/>
      </xdr:nvCxnSpPr>
      <xdr:spPr>
        <a:xfrm>
          <a:off x="1447800" y="69581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19239</xdr:rowOff>
    </xdr:from>
    <xdr:to>
      <xdr:col>11</xdr:col>
      <xdr:colOff>82550</xdr:colOff>
      <xdr:row>42</xdr:row>
      <xdr:rowOff>49389</xdr:rowOff>
    </xdr:to>
    <xdr:sp macro="" textlink="">
      <xdr:nvSpPr>
        <xdr:cNvPr id="79" name="フローチャート: 判断 78"/>
        <xdr:cNvSpPr/>
      </xdr:nvSpPr>
      <xdr:spPr>
        <a:xfrm>
          <a:off x="2286000" y="714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34166</xdr:rowOff>
    </xdr:from>
    <xdr:ext cx="762000" cy="259045"/>
    <xdr:sp macro="" textlink="">
      <xdr:nvSpPr>
        <xdr:cNvPr id="80" name="テキスト ボックス 79"/>
        <xdr:cNvSpPr txBox="1"/>
      </xdr:nvSpPr>
      <xdr:spPr>
        <a:xfrm>
          <a:off x="1955800" y="7235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32645</xdr:rowOff>
    </xdr:from>
    <xdr:to>
      <xdr:col>7</xdr:col>
      <xdr:colOff>31750</xdr:colOff>
      <xdr:row>42</xdr:row>
      <xdr:rowOff>62795</xdr:rowOff>
    </xdr:to>
    <xdr:sp macro="" textlink="">
      <xdr:nvSpPr>
        <xdr:cNvPr id="81" name="フローチャート: 判断 80"/>
        <xdr:cNvSpPr/>
      </xdr:nvSpPr>
      <xdr:spPr>
        <a:xfrm>
          <a:off x="1397000" y="7162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47572</xdr:rowOff>
    </xdr:from>
    <xdr:ext cx="762000" cy="259045"/>
    <xdr:sp macro="" textlink="">
      <xdr:nvSpPr>
        <xdr:cNvPr id="82" name="テキスト ボックス 81"/>
        <xdr:cNvSpPr txBox="1"/>
      </xdr:nvSpPr>
      <xdr:spPr>
        <a:xfrm>
          <a:off x="1066800" y="724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35983</xdr:rowOff>
    </xdr:from>
    <xdr:to>
      <xdr:col>23</xdr:col>
      <xdr:colOff>184150</xdr:colOff>
      <xdr:row>40</xdr:row>
      <xdr:rowOff>137583</xdr:rowOff>
    </xdr:to>
    <xdr:sp macro="" textlink="">
      <xdr:nvSpPr>
        <xdr:cNvPr id="88" name="楕円 87"/>
        <xdr:cNvSpPr/>
      </xdr:nvSpPr>
      <xdr:spPr>
        <a:xfrm>
          <a:off x="4902200" y="68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52510</xdr:rowOff>
    </xdr:from>
    <xdr:ext cx="762000" cy="259045"/>
    <xdr:sp macro="" textlink="">
      <xdr:nvSpPr>
        <xdr:cNvPr id="89" name="財政力該当値テキスト"/>
        <xdr:cNvSpPr txBox="1"/>
      </xdr:nvSpPr>
      <xdr:spPr>
        <a:xfrm>
          <a:off x="5041900" y="6739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35983</xdr:rowOff>
    </xdr:from>
    <xdr:to>
      <xdr:col>19</xdr:col>
      <xdr:colOff>184150</xdr:colOff>
      <xdr:row>40</xdr:row>
      <xdr:rowOff>137583</xdr:rowOff>
    </xdr:to>
    <xdr:sp macro="" textlink="">
      <xdr:nvSpPr>
        <xdr:cNvPr id="90" name="楕円 89"/>
        <xdr:cNvSpPr/>
      </xdr:nvSpPr>
      <xdr:spPr>
        <a:xfrm>
          <a:off x="4064000" y="68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47760</xdr:rowOff>
    </xdr:from>
    <xdr:ext cx="736600" cy="259045"/>
    <xdr:sp macro="" textlink="">
      <xdr:nvSpPr>
        <xdr:cNvPr id="91" name="テキスト ボックス 90"/>
        <xdr:cNvSpPr txBox="1"/>
      </xdr:nvSpPr>
      <xdr:spPr>
        <a:xfrm>
          <a:off x="3733800" y="66628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35983</xdr:rowOff>
    </xdr:from>
    <xdr:to>
      <xdr:col>15</xdr:col>
      <xdr:colOff>133350</xdr:colOff>
      <xdr:row>40</xdr:row>
      <xdr:rowOff>137583</xdr:rowOff>
    </xdr:to>
    <xdr:sp macro="" textlink="">
      <xdr:nvSpPr>
        <xdr:cNvPr id="92" name="楕円 91"/>
        <xdr:cNvSpPr/>
      </xdr:nvSpPr>
      <xdr:spPr>
        <a:xfrm>
          <a:off x="3175000" y="68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47760</xdr:rowOff>
    </xdr:from>
    <xdr:ext cx="762000" cy="259045"/>
    <xdr:sp macro="" textlink="">
      <xdr:nvSpPr>
        <xdr:cNvPr id="93" name="テキスト ボックス 92"/>
        <xdr:cNvSpPr txBox="1"/>
      </xdr:nvSpPr>
      <xdr:spPr>
        <a:xfrm>
          <a:off x="2844800" y="6662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49389</xdr:rowOff>
    </xdr:from>
    <xdr:to>
      <xdr:col>11</xdr:col>
      <xdr:colOff>82550</xdr:colOff>
      <xdr:row>40</xdr:row>
      <xdr:rowOff>150989</xdr:rowOff>
    </xdr:to>
    <xdr:sp macro="" textlink="">
      <xdr:nvSpPr>
        <xdr:cNvPr id="94" name="楕円 93"/>
        <xdr:cNvSpPr/>
      </xdr:nvSpPr>
      <xdr:spPr>
        <a:xfrm>
          <a:off x="2286000" y="690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61166</xdr:rowOff>
    </xdr:from>
    <xdr:ext cx="762000" cy="259045"/>
    <xdr:sp macro="" textlink="">
      <xdr:nvSpPr>
        <xdr:cNvPr id="95" name="テキスト ボックス 94"/>
        <xdr:cNvSpPr txBox="1"/>
      </xdr:nvSpPr>
      <xdr:spPr>
        <a:xfrm>
          <a:off x="1955800" y="6676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49389</xdr:rowOff>
    </xdr:from>
    <xdr:to>
      <xdr:col>7</xdr:col>
      <xdr:colOff>31750</xdr:colOff>
      <xdr:row>40</xdr:row>
      <xdr:rowOff>150989</xdr:rowOff>
    </xdr:to>
    <xdr:sp macro="" textlink="">
      <xdr:nvSpPr>
        <xdr:cNvPr id="96" name="楕円 95"/>
        <xdr:cNvSpPr/>
      </xdr:nvSpPr>
      <xdr:spPr>
        <a:xfrm>
          <a:off x="1397000" y="690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61166</xdr:rowOff>
    </xdr:from>
    <xdr:ext cx="762000" cy="259045"/>
    <xdr:sp macro="" textlink="">
      <xdr:nvSpPr>
        <xdr:cNvPr id="97" name="テキスト ボックス 96"/>
        <xdr:cNvSpPr txBox="1"/>
      </xdr:nvSpPr>
      <xdr:spPr>
        <a:xfrm>
          <a:off x="1066800" y="6676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分母である経常一般財源等歳入合計は</a:t>
          </a:r>
          <a:r>
            <a:rPr kumimoji="1" lang="ja-JP" altLang="en-US" sz="1100">
              <a:solidFill>
                <a:schemeClr val="dk1"/>
              </a:solidFill>
              <a:effectLst/>
              <a:latin typeface="+mn-lt"/>
              <a:ea typeface="+mn-ea"/>
              <a:cs typeface="+mn-cs"/>
            </a:rPr>
            <a:t>地方消費税交付金等の</a:t>
          </a:r>
          <a:r>
            <a:rPr kumimoji="1" lang="ja-JP" altLang="ja-JP" sz="1100">
              <a:solidFill>
                <a:schemeClr val="dk1"/>
              </a:solidFill>
              <a:effectLst/>
              <a:latin typeface="+mn-lt"/>
              <a:ea typeface="+mn-ea"/>
              <a:cs typeface="+mn-cs"/>
            </a:rPr>
            <a:t>増</a:t>
          </a:r>
          <a:r>
            <a:rPr kumimoji="1" lang="ja-JP" altLang="en-US" sz="1100">
              <a:solidFill>
                <a:schemeClr val="dk1"/>
              </a:solidFill>
              <a:effectLst/>
              <a:latin typeface="+mn-lt"/>
              <a:ea typeface="+mn-ea"/>
              <a:cs typeface="+mn-cs"/>
            </a:rPr>
            <a:t>の一方、臨時財政対策債の借入額の減</a:t>
          </a:r>
          <a:r>
            <a:rPr kumimoji="1" lang="ja-JP" altLang="ja-JP" sz="1100">
              <a:solidFill>
                <a:schemeClr val="dk1"/>
              </a:solidFill>
              <a:effectLst/>
              <a:latin typeface="+mn-lt"/>
              <a:ea typeface="+mn-ea"/>
              <a:cs typeface="+mn-cs"/>
            </a:rPr>
            <a:t>により</a:t>
          </a:r>
          <a:r>
            <a:rPr kumimoji="1" lang="ja-JP" altLang="en-US" sz="1100">
              <a:solidFill>
                <a:schemeClr val="dk1"/>
              </a:solidFill>
              <a:effectLst/>
              <a:latin typeface="+mn-lt"/>
              <a:ea typeface="+mn-ea"/>
              <a:cs typeface="+mn-cs"/>
            </a:rPr>
            <a:t>、令和元</a:t>
          </a:r>
          <a:r>
            <a:rPr kumimoji="1" lang="ja-JP" altLang="ja-JP" sz="1100">
              <a:solidFill>
                <a:schemeClr val="dk1"/>
              </a:solidFill>
              <a:effectLst/>
              <a:latin typeface="+mn-lt"/>
              <a:ea typeface="+mn-ea"/>
              <a:cs typeface="+mn-cs"/>
            </a:rPr>
            <a:t>年度に比</a:t>
          </a:r>
          <a:r>
            <a:rPr kumimoji="1" lang="ja-JP" altLang="en-US" sz="1100">
              <a:solidFill>
                <a:schemeClr val="dk1"/>
              </a:solidFill>
              <a:effectLst/>
              <a:latin typeface="+mn-lt"/>
              <a:ea typeface="+mn-ea"/>
              <a:cs typeface="+mn-cs"/>
            </a:rPr>
            <a:t>べ</a:t>
          </a:r>
          <a:r>
            <a:rPr kumimoji="1" lang="en-US" altLang="ja-JP" sz="1100">
              <a:solidFill>
                <a:schemeClr val="dk1"/>
              </a:solidFill>
              <a:effectLst/>
              <a:latin typeface="+mn-lt"/>
              <a:ea typeface="+mn-ea"/>
              <a:cs typeface="+mn-cs"/>
            </a:rPr>
            <a:t>3.4</a:t>
          </a:r>
          <a:r>
            <a:rPr kumimoji="1" lang="ja-JP" altLang="ja-JP" sz="1100">
              <a:solidFill>
                <a:schemeClr val="dk1"/>
              </a:solidFill>
              <a:effectLst/>
              <a:latin typeface="+mn-lt"/>
              <a:ea typeface="+mn-ea"/>
              <a:cs typeface="+mn-cs"/>
            </a:rPr>
            <a:t>億円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さらに分子である経常経費充当一般財源等は</a:t>
          </a:r>
          <a:r>
            <a:rPr kumimoji="1" lang="ja-JP" altLang="en-US" sz="1100">
              <a:solidFill>
                <a:schemeClr val="dk1"/>
              </a:solidFill>
              <a:effectLst/>
              <a:latin typeface="+mn-lt"/>
              <a:ea typeface="+mn-ea"/>
              <a:cs typeface="+mn-cs"/>
            </a:rPr>
            <a:t>会計年度任用職員の</a:t>
          </a:r>
          <a:r>
            <a:rPr kumimoji="1" lang="ja-JP" altLang="ja-JP" sz="1100">
              <a:solidFill>
                <a:schemeClr val="dk1"/>
              </a:solidFill>
              <a:effectLst/>
              <a:latin typeface="+mn-lt"/>
              <a:ea typeface="+mn-ea"/>
              <a:cs typeface="+mn-cs"/>
            </a:rPr>
            <a:t>増により</a:t>
          </a:r>
          <a:r>
            <a:rPr kumimoji="1" lang="ja-JP" altLang="en-US" sz="1100">
              <a:solidFill>
                <a:schemeClr val="dk1"/>
              </a:solidFill>
              <a:effectLst/>
              <a:latin typeface="+mn-lt"/>
              <a:ea typeface="+mn-ea"/>
              <a:cs typeface="+mn-cs"/>
            </a:rPr>
            <a:t>、令和元</a:t>
          </a:r>
          <a:r>
            <a:rPr kumimoji="1" lang="ja-JP" altLang="ja-JP" sz="1100">
              <a:solidFill>
                <a:schemeClr val="dk1"/>
              </a:solidFill>
              <a:effectLst/>
              <a:latin typeface="+mn-lt"/>
              <a:ea typeface="+mn-ea"/>
              <a:cs typeface="+mn-cs"/>
            </a:rPr>
            <a:t>年度より</a:t>
          </a:r>
          <a:r>
            <a:rPr kumimoji="1" lang="en-US" altLang="ja-JP" sz="1100">
              <a:solidFill>
                <a:schemeClr val="dk1"/>
              </a:solidFill>
              <a:effectLst/>
              <a:latin typeface="+mn-lt"/>
              <a:ea typeface="+mn-ea"/>
              <a:cs typeface="+mn-cs"/>
            </a:rPr>
            <a:t>0.5</a:t>
          </a:r>
          <a:r>
            <a:rPr kumimoji="1" lang="ja-JP" altLang="ja-JP" sz="1100">
              <a:solidFill>
                <a:schemeClr val="dk1"/>
              </a:solidFill>
              <a:effectLst/>
              <a:latin typeface="+mn-lt"/>
              <a:ea typeface="+mn-ea"/>
              <a:cs typeface="+mn-cs"/>
            </a:rPr>
            <a:t>億円の増となった。</a:t>
          </a:r>
          <a:endParaRPr lang="ja-JP" altLang="ja-JP" sz="1400">
            <a:effectLst/>
          </a:endParaRPr>
        </a:p>
        <a:p>
          <a:r>
            <a:rPr kumimoji="1" lang="ja-JP" altLang="ja-JP" sz="1100">
              <a:solidFill>
                <a:schemeClr val="dk1"/>
              </a:solidFill>
              <a:effectLst/>
              <a:latin typeface="+mn-lt"/>
              <a:ea typeface="+mn-ea"/>
              <a:cs typeface="+mn-cs"/>
            </a:rPr>
            <a:t>　結果として、経常収支比率が</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となっている。依然として類似団体の中でも下位であるため、今後も市税の徴収強化等による収入確保を図るとともに、積極的な財源確保、事務事業の効率化や組織の適正化により、人件費や物件費等経常的歳出の削減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66688</xdr:rowOff>
    </xdr:from>
    <xdr:to>
      <xdr:col>23</xdr:col>
      <xdr:colOff>133350</xdr:colOff>
      <xdr:row>67</xdr:row>
      <xdr:rowOff>7620</xdr:rowOff>
    </xdr:to>
    <xdr:cxnSp macro="">
      <xdr:nvCxnSpPr>
        <xdr:cNvPr id="123" name="直線コネクタ 122"/>
        <xdr:cNvCxnSpPr/>
      </xdr:nvCxnSpPr>
      <xdr:spPr>
        <a:xfrm flipV="1">
          <a:off x="4953000" y="10282238"/>
          <a:ext cx="0" cy="12125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1147</xdr:rowOff>
    </xdr:from>
    <xdr:ext cx="762000" cy="259045"/>
    <xdr:sp macro="" textlink="">
      <xdr:nvSpPr>
        <xdr:cNvPr id="124" name="財政構造の弾力性最小値テキスト"/>
        <xdr:cNvSpPr txBox="1"/>
      </xdr:nvSpPr>
      <xdr:spPr>
        <a:xfrm>
          <a:off x="5041900" y="1146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620</xdr:rowOff>
    </xdr:from>
    <xdr:to>
      <xdr:col>24</xdr:col>
      <xdr:colOff>12700</xdr:colOff>
      <xdr:row>67</xdr:row>
      <xdr:rowOff>7620</xdr:rowOff>
    </xdr:to>
    <xdr:cxnSp macro="">
      <xdr:nvCxnSpPr>
        <xdr:cNvPr id="125" name="直線コネクタ 124"/>
        <xdr:cNvCxnSpPr/>
      </xdr:nvCxnSpPr>
      <xdr:spPr>
        <a:xfrm>
          <a:off x="4864100" y="1149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81615</xdr:rowOff>
    </xdr:from>
    <xdr:ext cx="762000" cy="259045"/>
    <xdr:sp macro="" textlink="">
      <xdr:nvSpPr>
        <xdr:cNvPr id="126" name="財政構造の弾力性最大値テキスト"/>
        <xdr:cNvSpPr txBox="1"/>
      </xdr:nvSpPr>
      <xdr:spPr>
        <a:xfrm>
          <a:off x="5041900" y="10025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66688</xdr:rowOff>
    </xdr:from>
    <xdr:to>
      <xdr:col>24</xdr:col>
      <xdr:colOff>12700</xdr:colOff>
      <xdr:row>59</xdr:row>
      <xdr:rowOff>166688</xdr:rowOff>
    </xdr:to>
    <xdr:cxnSp macro="">
      <xdr:nvCxnSpPr>
        <xdr:cNvPr id="127" name="直線コネクタ 126"/>
        <xdr:cNvCxnSpPr/>
      </xdr:nvCxnSpPr>
      <xdr:spPr>
        <a:xfrm>
          <a:off x="4864100" y="10282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8732</xdr:rowOff>
    </xdr:from>
    <xdr:to>
      <xdr:col>23</xdr:col>
      <xdr:colOff>133350</xdr:colOff>
      <xdr:row>65</xdr:row>
      <xdr:rowOff>157480</xdr:rowOff>
    </xdr:to>
    <xdr:cxnSp macro="">
      <xdr:nvCxnSpPr>
        <xdr:cNvPr id="128" name="直線コネクタ 127"/>
        <xdr:cNvCxnSpPr/>
      </xdr:nvCxnSpPr>
      <xdr:spPr>
        <a:xfrm>
          <a:off x="4114800" y="11162982"/>
          <a:ext cx="838200" cy="138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67962</xdr:rowOff>
    </xdr:from>
    <xdr:ext cx="762000" cy="259045"/>
    <xdr:sp macro="" textlink="">
      <xdr:nvSpPr>
        <xdr:cNvPr id="129" name="財政構造の弾力性平均値テキスト"/>
        <xdr:cNvSpPr txBox="1"/>
      </xdr:nvSpPr>
      <xdr:spPr>
        <a:xfrm>
          <a:off x="5041900" y="10697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51435</xdr:rowOff>
    </xdr:from>
    <xdr:to>
      <xdr:col>23</xdr:col>
      <xdr:colOff>184150</xdr:colOff>
      <xdr:row>63</xdr:row>
      <xdr:rowOff>153035</xdr:rowOff>
    </xdr:to>
    <xdr:sp macro="" textlink="">
      <xdr:nvSpPr>
        <xdr:cNvPr id="130" name="フローチャート: 判断 129"/>
        <xdr:cNvSpPr/>
      </xdr:nvSpPr>
      <xdr:spPr>
        <a:xfrm>
          <a:off x="4902200" y="10852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8732</xdr:rowOff>
    </xdr:from>
    <xdr:to>
      <xdr:col>19</xdr:col>
      <xdr:colOff>133350</xdr:colOff>
      <xdr:row>65</xdr:row>
      <xdr:rowOff>48895</xdr:rowOff>
    </xdr:to>
    <xdr:cxnSp macro="">
      <xdr:nvCxnSpPr>
        <xdr:cNvPr id="131" name="直線コネクタ 130"/>
        <xdr:cNvCxnSpPr/>
      </xdr:nvCxnSpPr>
      <xdr:spPr>
        <a:xfrm flipV="1">
          <a:off x="3225800" y="11162982"/>
          <a:ext cx="889000" cy="30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63500</xdr:rowOff>
    </xdr:from>
    <xdr:to>
      <xdr:col>19</xdr:col>
      <xdr:colOff>184150</xdr:colOff>
      <xdr:row>63</xdr:row>
      <xdr:rowOff>165100</xdr:rowOff>
    </xdr:to>
    <xdr:sp macro="" textlink="">
      <xdr:nvSpPr>
        <xdr:cNvPr id="132" name="フローチャート: 判断 131"/>
        <xdr:cNvSpPr/>
      </xdr:nvSpPr>
      <xdr:spPr>
        <a:xfrm>
          <a:off x="4064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3827</xdr:rowOff>
    </xdr:from>
    <xdr:ext cx="736600" cy="259045"/>
    <xdr:sp macro="" textlink="">
      <xdr:nvSpPr>
        <xdr:cNvPr id="133" name="テキスト ボックス 132"/>
        <xdr:cNvSpPr txBox="1"/>
      </xdr:nvSpPr>
      <xdr:spPr>
        <a:xfrm>
          <a:off x="3733800" y="1063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60020</xdr:rowOff>
    </xdr:from>
    <xdr:to>
      <xdr:col>15</xdr:col>
      <xdr:colOff>82550</xdr:colOff>
      <xdr:row>65</xdr:row>
      <xdr:rowOff>48895</xdr:rowOff>
    </xdr:to>
    <xdr:cxnSp macro="">
      <xdr:nvCxnSpPr>
        <xdr:cNvPr id="134" name="直線コネクタ 133"/>
        <xdr:cNvCxnSpPr/>
      </xdr:nvCxnSpPr>
      <xdr:spPr>
        <a:xfrm>
          <a:off x="2336800" y="11132820"/>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27305</xdr:rowOff>
    </xdr:from>
    <xdr:to>
      <xdr:col>15</xdr:col>
      <xdr:colOff>133350</xdr:colOff>
      <xdr:row>63</xdr:row>
      <xdr:rowOff>128905</xdr:rowOff>
    </xdr:to>
    <xdr:sp macro="" textlink="">
      <xdr:nvSpPr>
        <xdr:cNvPr id="135" name="フローチャート: 判断 134"/>
        <xdr:cNvSpPr/>
      </xdr:nvSpPr>
      <xdr:spPr>
        <a:xfrm>
          <a:off x="3175000" y="1082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39082</xdr:rowOff>
    </xdr:from>
    <xdr:ext cx="762000" cy="259045"/>
    <xdr:sp macro="" textlink="">
      <xdr:nvSpPr>
        <xdr:cNvPr id="136" name="テキスト ボックス 135"/>
        <xdr:cNvSpPr txBox="1"/>
      </xdr:nvSpPr>
      <xdr:spPr>
        <a:xfrm>
          <a:off x="2844800" y="10597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60020</xdr:rowOff>
    </xdr:from>
    <xdr:to>
      <xdr:col>11</xdr:col>
      <xdr:colOff>31750</xdr:colOff>
      <xdr:row>65</xdr:row>
      <xdr:rowOff>145415</xdr:rowOff>
    </xdr:to>
    <xdr:cxnSp macro="">
      <xdr:nvCxnSpPr>
        <xdr:cNvPr id="137" name="直線コネクタ 136"/>
        <xdr:cNvCxnSpPr/>
      </xdr:nvCxnSpPr>
      <xdr:spPr>
        <a:xfrm flipV="1">
          <a:off x="1447800" y="11132820"/>
          <a:ext cx="889000" cy="156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39370</xdr:rowOff>
    </xdr:from>
    <xdr:to>
      <xdr:col>11</xdr:col>
      <xdr:colOff>82550</xdr:colOff>
      <xdr:row>63</xdr:row>
      <xdr:rowOff>140970</xdr:rowOff>
    </xdr:to>
    <xdr:sp macro="" textlink="">
      <xdr:nvSpPr>
        <xdr:cNvPr id="138" name="フローチャート: 判断 137"/>
        <xdr:cNvSpPr/>
      </xdr:nvSpPr>
      <xdr:spPr>
        <a:xfrm>
          <a:off x="2286000" y="1084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51147</xdr:rowOff>
    </xdr:from>
    <xdr:ext cx="762000" cy="259045"/>
    <xdr:sp macro="" textlink="">
      <xdr:nvSpPr>
        <xdr:cNvPr id="139" name="テキスト ボックス 138"/>
        <xdr:cNvSpPr txBox="1"/>
      </xdr:nvSpPr>
      <xdr:spPr>
        <a:xfrm>
          <a:off x="1955800" y="1060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5240</xdr:rowOff>
    </xdr:from>
    <xdr:to>
      <xdr:col>7</xdr:col>
      <xdr:colOff>31750</xdr:colOff>
      <xdr:row>63</xdr:row>
      <xdr:rowOff>116840</xdr:rowOff>
    </xdr:to>
    <xdr:sp macro="" textlink="">
      <xdr:nvSpPr>
        <xdr:cNvPr id="140" name="フローチャート: 判断 139"/>
        <xdr:cNvSpPr/>
      </xdr:nvSpPr>
      <xdr:spPr>
        <a:xfrm>
          <a:off x="1397000" y="10816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27017</xdr:rowOff>
    </xdr:from>
    <xdr:ext cx="762000" cy="259045"/>
    <xdr:sp macro="" textlink="">
      <xdr:nvSpPr>
        <xdr:cNvPr id="141" name="テキスト ボックス 140"/>
        <xdr:cNvSpPr txBox="1"/>
      </xdr:nvSpPr>
      <xdr:spPr>
        <a:xfrm>
          <a:off x="1066800" y="10585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06680</xdr:rowOff>
    </xdr:from>
    <xdr:to>
      <xdr:col>23</xdr:col>
      <xdr:colOff>184150</xdr:colOff>
      <xdr:row>66</xdr:row>
      <xdr:rowOff>36830</xdr:rowOff>
    </xdr:to>
    <xdr:sp macro="" textlink="">
      <xdr:nvSpPr>
        <xdr:cNvPr id="147" name="楕円 146"/>
        <xdr:cNvSpPr/>
      </xdr:nvSpPr>
      <xdr:spPr>
        <a:xfrm>
          <a:off x="4902200" y="1125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78757</xdr:rowOff>
    </xdr:from>
    <xdr:ext cx="762000" cy="259045"/>
    <xdr:sp macro="" textlink="">
      <xdr:nvSpPr>
        <xdr:cNvPr id="148" name="財政構造の弾力性該当値テキスト"/>
        <xdr:cNvSpPr txBox="1"/>
      </xdr:nvSpPr>
      <xdr:spPr>
        <a:xfrm>
          <a:off x="5041900" y="11223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39382</xdr:rowOff>
    </xdr:from>
    <xdr:to>
      <xdr:col>19</xdr:col>
      <xdr:colOff>184150</xdr:colOff>
      <xdr:row>65</xdr:row>
      <xdr:rowOff>69532</xdr:rowOff>
    </xdr:to>
    <xdr:sp macro="" textlink="">
      <xdr:nvSpPr>
        <xdr:cNvPr id="149" name="楕円 148"/>
        <xdr:cNvSpPr/>
      </xdr:nvSpPr>
      <xdr:spPr>
        <a:xfrm>
          <a:off x="4064000" y="11112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54309</xdr:rowOff>
    </xdr:from>
    <xdr:ext cx="736600" cy="259045"/>
    <xdr:sp macro="" textlink="">
      <xdr:nvSpPr>
        <xdr:cNvPr id="150" name="テキスト ボックス 149"/>
        <xdr:cNvSpPr txBox="1"/>
      </xdr:nvSpPr>
      <xdr:spPr>
        <a:xfrm>
          <a:off x="3733800" y="111985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69545</xdr:rowOff>
    </xdr:from>
    <xdr:to>
      <xdr:col>15</xdr:col>
      <xdr:colOff>133350</xdr:colOff>
      <xdr:row>65</xdr:row>
      <xdr:rowOff>99695</xdr:rowOff>
    </xdr:to>
    <xdr:sp macro="" textlink="">
      <xdr:nvSpPr>
        <xdr:cNvPr id="151" name="楕円 150"/>
        <xdr:cNvSpPr/>
      </xdr:nvSpPr>
      <xdr:spPr>
        <a:xfrm>
          <a:off x="3175000" y="1114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84472</xdr:rowOff>
    </xdr:from>
    <xdr:ext cx="762000" cy="259045"/>
    <xdr:sp macro="" textlink="">
      <xdr:nvSpPr>
        <xdr:cNvPr id="152" name="テキスト ボックス 151"/>
        <xdr:cNvSpPr txBox="1"/>
      </xdr:nvSpPr>
      <xdr:spPr>
        <a:xfrm>
          <a:off x="2844800" y="11228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09220</xdr:rowOff>
    </xdr:from>
    <xdr:to>
      <xdr:col>11</xdr:col>
      <xdr:colOff>82550</xdr:colOff>
      <xdr:row>65</xdr:row>
      <xdr:rowOff>39370</xdr:rowOff>
    </xdr:to>
    <xdr:sp macro="" textlink="">
      <xdr:nvSpPr>
        <xdr:cNvPr id="153" name="楕円 152"/>
        <xdr:cNvSpPr/>
      </xdr:nvSpPr>
      <xdr:spPr>
        <a:xfrm>
          <a:off x="2286000" y="11082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24147</xdr:rowOff>
    </xdr:from>
    <xdr:ext cx="762000" cy="259045"/>
    <xdr:sp macro="" textlink="">
      <xdr:nvSpPr>
        <xdr:cNvPr id="154" name="テキスト ボックス 153"/>
        <xdr:cNvSpPr txBox="1"/>
      </xdr:nvSpPr>
      <xdr:spPr>
        <a:xfrm>
          <a:off x="1955800" y="11168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94615</xdr:rowOff>
    </xdr:from>
    <xdr:to>
      <xdr:col>7</xdr:col>
      <xdr:colOff>31750</xdr:colOff>
      <xdr:row>66</xdr:row>
      <xdr:rowOff>24765</xdr:rowOff>
    </xdr:to>
    <xdr:sp macro="" textlink="">
      <xdr:nvSpPr>
        <xdr:cNvPr id="155" name="楕円 154"/>
        <xdr:cNvSpPr/>
      </xdr:nvSpPr>
      <xdr:spPr>
        <a:xfrm>
          <a:off x="1397000" y="11238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9542</xdr:rowOff>
    </xdr:from>
    <xdr:ext cx="762000" cy="259045"/>
    <xdr:sp macro="" textlink="">
      <xdr:nvSpPr>
        <xdr:cNvPr id="156" name="テキスト ボックス 155"/>
        <xdr:cNvSpPr txBox="1"/>
      </xdr:nvSpPr>
      <xdr:spPr>
        <a:xfrm>
          <a:off x="1066800" y="11325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2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人件費・物件費等決算額の人口一人当たりの金額は多少の増減はあるものの増加傾向にある。主な理由</a:t>
          </a:r>
          <a:r>
            <a:rPr kumimoji="1" lang="ja-JP" altLang="en-US" sz="1100">
              <a:solidFill>
                <a:schemeClr val="dk1"/>
              </a:solidFill>
              <a:effectLst/>
              <a:latin typeface="+mn-lt"/>
              <a:ea typeface="+mn-ea"/>
              <a:cs typeface="+mn-cs"/>
            </a:rPr>
            <a:t>は、人件費については会計年度任用職員制度に伴う増、物件費については小・中学校の</a:t>
          </a:r>
          <a:r>
            <a:rPr kumimoji="1" lang="en-US" altLang="ja-JP" sz="1100">
              <a:solidFill>
                <a:schemeClr val="dk1"/>
              </a:solidFill>
              <a:effectLst/>
              <a:latin typeface="+mn-lt"/>
              <a:ea typeface="+mn-ea"/>
              <a:cs typeface="+mn-cs"/>
            </a:rPr>
            <a:t>ICT</a:t>
          </a:r>
          <a:r>
            <a:rPr kumimoji="1" lang="ja-JP" altLang="en-US" sz="1100">
              <a:solidFill>
                <a:schemeClr val="dk1"/>
              </a:solidFill>
              <a:effectLst/>
              <a:latin typeface="+mn-lt"/>
              <a:ea typeface="+mn-ea"/>
              <a:cs typeface="+mn-cs"/>
            </a:rPr>
            <a:t>化推進事業による増となっ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引き続き</a:t>
          </a:r>
          <a:r>
            <a:rPr kumimoji="1" lang="ja-JP" altLang="ja-JP" sz="1100">
              <a:solidFill>
                <a:schemeClr val="dk1"/>
              </a:solidFill>
              <a:effectLst/>
              <a:latin typeface="+mn-lt"/>
              <a:ea typeface="+mn-ea"/>
              <a:cs typeface="+mn-cs"/>
            </a:rPr>
            <a:t>類似団体平均より低い水準を維持しつつ、今後も事務の外部委託化など事務改善を行いコスト低減に努め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3" name="直線コネクタ 172"/>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4" name="テキスト ボックス 173"/>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5" name="直線コネクタ 174"/>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6" name="テキスト ボックス 175"/>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79" name="直線コネクタ 178"/>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0" name="テキスト ボックス 179"/>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1" name="直線コネクタ 180"/>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2" name="テキスト ボックス 181"/>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71661</xdr:rowOff>
    </xdr:from>
    <xdr:to>
      <xdr:col>23</xdr:col>
      <xdr:colOff>133350</xdr:colOff>
      <xdr:row>89</xdr:row>
      <xdr:rowOff>96965</xdr:rowOff>
    </xdr:to>
    <xdr:cxnSp macro="">
      <xdr:nvCxnSpPr>
        <xdr:cNvPr id="186" name="直線コネクタ 185"/>
        <xdr:cNvCxnSpPr/>
      </xdr:nvCxnSpPr>
      <xdr:spPr>
        <a:xfrm flipV="1">
          <a:off x="4953000" y="13787661"/>
          <a:ext cx="0" cy="156835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69042</xdr:rowOff>
    </xdr:from>
    <xdr:ext cx="762000" cy="259045"/>
    <xdr:sp macro="" textlink="">
      <xdr:nvSpPr>
        <xdr:cNvPr id="187" name="人件費・物件費等の状況最小値テキスト"/>
        <xdr:cNvSpPr txBox="1"/>
      </xdr:nvSpPr>
      <xdr:spPr>
        <a:xfrm>
          <a:off x="5041900" y="15328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3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6965</xdr:rowOff>
    </xdr:from>
    <xdr:to>
      <xdr:col>24</xdr:col>
      <xdr:colOff>12700</xdr:colOff>
      <xdr:row>89</xdr:row>
      <xdr:rowOff>96965</xdr:rowOff>
    </xdr:to>
    <xdr:cxnSp macro="">
      <xdr:nvCxnSpPr>
        <xdr:cNvPr id="188" name="直線コネクタ 187"/>
        <xdr:cNvCxnSpPr/>
      </xdr:nvCxnSpPr>
      <xdr:spPr>
        <a:xfrm>
          <a:off x="4864100" y="153560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8038</xdr:rowOff>
    </xdr:from>
    <xdr:ext cx="762000" cy="259045"/>
    <xdr:sp macro="" textlink="">
      <xdr:nvSpPr>
        <xdr:cNvPr id="189" name="人件費・物件費等の状況最大値テキスト"/>
        <xdr:cNvSpPr txBox="1"/>
      </xdr:nvSpPr>
      <xdr:spPr>
        <a:xfrm>
          <a:off x="5041900" y="13531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71661</xdr:rowOff>
    </xdr:from>
    <xdr:to>
      <xdr:col>24</xdr:col>
      <xdr:colOff>12700</xdr:colOff>
      <xdr:row>80</xdr:row>
      <xdr:rowOff>71661</xdr:rowOff>
    </xdr:to>
    <xdr:cxnSp macro="">
      <xdr:nvCxnSpPr>
        <xdr:cNvPr id="190" name="直線コネクタ 189"/>
        <xdr:cNvCxnSpPr/>
      </xdr:nvCxnSpPr>
      <xdr:spPr>
        <a:xfrm>
          <a:off x="4864100" y="13787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162398</xdr:rowOff>
    </xdr:from>
    <xdr:to>
      <xdr:col>23</xdr:col>
      <xdr:colOff>133350</xdr:colOff>
      <xdr:row>81</xdr:row>
      <xdr:rowOff>68204</xdr:rowOff>
    </xdr:to>
    <xdr:cxnSp macro="">
      <xdr:nvCxnSpPr>
        <xdr:cNvPr id="191" name="直線コネクタ 190"/>
        <xdr:cNvCxnSpPr/>
      </xdr:nvCxnSpPr>
      <xdr:spPr>
        <a:xfrm>
          <a:off x="4114800" y="13878398"/>
          <a:ext cx="838200" cy="77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42319</xdr:rowOff>
    </xdr:from>
    <xdr:ext cx="762000" cy="259045"/>
    <xdr:sp macro="" textlink="">
      <xdr:nvSpPr>
        <xdr:cNvPr id="192" name="人件費・物件費等の状況平均値テキスト"/>
        <xdr:cNvSpPr txBox="1"/>
      </xdr:nvSpPr>
      <xdr:spPr>
        <a:xfrm>
          <a:off x="5041900" y="14029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70242</xdr:rowOff>
    </xdr:from>
    <xdr:to>
      <xdr:col>23</xdr:col>
      <xdr:colOff>184150</xdr:colOff>
      <xdr:row>82</xdr:row>
      <xdr:rowOff>100392</xdr:rowOff>
    </xdr:to>
    <xdr:sp macro="" textlink="">
      <xdr:nvSpPr>
        <xdr:cNvPr id="193" name="フローチャート: 判断 192"/>
        <xdr:cNvSpPr/>
      </xdr:nvSpPr>
      <xdr:spPr>
        <a:xfrm>
          <a:off x="4902200" y="14057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33224</xdr:rowOff>
    </xdr:from>
    <xdr:to>
      <xdr:col>19</xdr:col>
      <xdr:colOff>133350</xdr:colOff>
      <xdr:row>80</xdr:row>
      <xdr:rowOff>162398</xdr:rowOff>
    </xdr:to>
    <xdr:cxnSp macro="">
      <xdr:nvCxnSpPr>
        <xdr:cNvPr id="194" name="直線コネクタ 193"/>
        <xdr:cNvCxnSpPr/>
      </xdr:nvCxnSpPr>
      <xdr:spPr>
        <a:xfrm>
          <a:off x="3225800" y="13849224"/>
          <a:ext cx="889000" cy="29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91281</xdr:rowOff>
    </xdr:from>
    <xdr:to>
      <xdr:col>19</xdr:col>
      <xdr:colOff>184150</xdr:colOff>
      <xdr:row>82</xdr:row>
      <xdr:rowOff>21431</xdr:rowOff>
    </xdr:to>
    <xdr:sp macro="" textlink="">
      <xdr:nvSpPr>
        <xdr:cNvPr id="195" name="フローチャート: 判断 194"/>
        <xdr:cNvSpPr/>
      </xdr:nvSpPr>
      <xdr:spPr>
        <a:xfrm>
          <a:off x="4064000" y="1397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6208</xdr:rowOff>
    </xdr:from>
    <xdr:ext cx="736600" cy="259045"/>
    <xdr:sp macro="" textlink="">
      <xdr:nvSpPr>
        <xdr:cNvPr id="196" name="テキスト ボックス 195"/>
        <xdr:cNvSpPr txBox="1"/>
      </xdr:nvSpPr>
      <xdr:spPr>
        <a:xfrm>
          <a:off x="3733800" y="140651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33224</xdr:rowOff>
    </xdr:from>
    <xdr:to>
      <xdr:col>15</xdr:col>
      <xdr:colOff>82550</xdr:colOff>
      <xdr:row>80</xdr:row>
      <xdr:rowOff>156051</xdr:rowOff>
    </xdr:to>
    <xdr:cxnSp macro="">
      <xdr:nvCxnSpPr>
        <xdr:cNvPr id="197" name="直線コネクタ 196"/>
        <xdr:cNvCxnSpPr/>
      </xdr:nvCxnSpPr>
      <xdr:spPr>
        <a:xfrm flipV="1">
          <a:off x="2336800" y="13849224"/>
          <a:ext cx="889000" cy="22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3139</xdr:rowOff>
    </xdr:from>
    <xdr:to>
      <xdr:col>15</xdr:col>
      <xdr:colOff>133350</xdr:colOff>
      <xdr:row>81</xdr:row>
      <xdr:rowOff>164739</xdr:rowOff>
    </xdr:to>
    <xdr:sp macro="" textlink="">
      <xdr:nvSpPr>
        <xdr:cNvPr id="198" name="フローチャート: 判断 197"/>
        <xdr:cNvSpPr/>
      </xdr:nvSpPr>
      <xdr:spPr>
        <a:xfrm>
          <a:off x="3175000" y="1395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49516</xdr:rowOff>
    </xdr:from>
    <xdr:ext cx="762000" cy="259045"/>
    <xdr:sp macro="" textlink="">
      <xdr:nvSpPr>
        <xdr:cNvPr id="199" name="テキスト ボックス 198"/>
        <xdr:cNvSpPr txBox="1"/>
      </xdr:nvSpPr>
      <xdr:spPr>
        <a:xfrm>
          <a:off x="2844800" y="140369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06456</xdr:rowOff>
    </xdr:from>
    <xdr:to>
      <xdr:col>11</xdr:col>
      <xdr:colOff>31750</xdr:colOff>
      <xdr:row>80</xdr:row>
      <xdr:rowOff>156051</xdr:rowOff>
    </xdr:to>
    <xdr:cxnSp macro="">
      <xdr:nvCxnSpPr>
        <xdr:cNvPr id="200" name="直線コネクタ 199"/>
        <xdr:cNvCxnSpPr/>
      </xdr:nvCxnSpPr>
      <xdr:spPr>
        <a:xfrm>
          <a:off x="1447800" y="13822456"/>
          <a:ext cx="889000" cy="4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0950</xdr:rowOff>
    </xdr:from>
    <xdr:to>
      <xdr:col>11</xdr:col>
      <xdr:colOff>82550</xdr:colOff>
      <xdr:row>81</xdr:row>
      <xdr:rowOff>162550</xdr:rowOff>
    </xdr:to>
    <xdr:sp macro="" textlink="">
      <xdr:nvSpPr>
        <xdr:cNvPr id="201" name="フローチャート: 判断 200"/>
        <xdr:cNvSpPr/>
      </xdr:nvSpPr>
      <xdr:spPr>
        <a:xfrm>
          <a:off x="2286000" y="139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47327</xdr:rowOff>
    </xdr:from>
    <xdr:ext cx="762000" cy="259045"/>
    <xdr:sp macro="" textlink="">
      <xdr:nvSpPr>
        <xdr:cNvPr id="202" name="テキスト ボックス 201"/>
        <xdr:cNvSpPr txBox="1"/>
      </xdr:nvSpPr>
      <xdr:spPr>
        <a:xfrm>
          <a:off x="1955800" y="140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94965</xdr:rowOff>
    </xdr:from>
    <xdr:to>
      <xdr:col>7</xdr:col>
      <xdr:colOff>31750</xdr:colOff>
      <xdr:row>82</xdr:row>
      <xdr:rowOff>25115</xdr:rowOff>
    </xdr:to>
    <xdr:sp macro="" textlink="">
      <xdr:nvSpPr>
        <xdr:cNvPr id="203" name="フローチャート: 判断 202"/>
        <xdr:cNvSpPr/>
      </xdr:nvSpPr>
      <xdr:spPr>
        <a:xfrm>
          <a:off x="1397000" y="1398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9892</xdr:rowOff>
    </xdr:from>
    <xdr:ext cx="762000" cy="259045"/>
    <xdr:sp macro="" textlink="">
      <xdr:nvSpPr>
        <xdr:cNvPr id="204" name="テキスト ボックス 203"/>
        <xdr:cNvSpPr txBox="1"/>
      </xdr:nvSpPr>
      <xdr:spPr>
        <a:xfrm>
          <a:off x="1066800" y="14068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7404</xdr:rowOff>
    </xdr:from>
    <xdr:to>
      <xdr:col>23</xdr:col>
      <xdr:colOff>184150</xdr:colOff>
      <xdr:row>81</xdr:row>
      <xdr:rowOff>119004</xdr:rowOff>
    </xdr:to>
    <xdr:sp macro="" textlink="">
      <xdr:nvSpPr>
        <xdr:cNvPr id="210" name="楕円 209"/>
        <xdr:cNvSpPr/>
      </xdr:nvSpPr>
      <xdr:spPr>
        <a:xfrm>
          <a:off x="4902200" y="13904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33931</xdr:rowOff>
    </xdr:from>
    <xdr:ext cx="762000" cy="259045"/>
    <xdr:sp macro="" textlink="">
      <xdr:nvSpPr>
        <xdr:cNvPr id="211" name="人件費・物件費等の状況該当値テキスト"/>
        <xdr:cNvSpPr txBox="1"/>
      </xdr:nvSpPr>
      <xdr:spPr>
        <a:xfrm>
          <a:off x="5041900" y="137499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11598</xdr:rowOff>
    </xdr:from>
    <xdr:to>
      <xdr:col>19</xdr:col>
      <xdr:colOff>184150</xdr:colOff>
      <xdr:row>81</xdr:row>
      <xdr:rowOff>41748</xdr:rowOff>
    </xdr:to>
    <xdr:sp macro="" textlink="">
      <xdr:nvSpPr>
        <xdr:cNvPr id="212" name="楕円 211"/>
        <xdr:cNvSpPr/>
      </xdr:nvSpPr>
      <xdr:spPr>
        <a:xfrm>
          <a:off x="4064000" y="13827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51925</xdr:rowOff>
    </xdr:from>
    <xdr:ext cx="736600" cy="259045"/>
    <xdr:sp macro="" textlink="">
      <xdr:nvSpPr>
        <xdr:cNvPr id="213" name="テキスト ボックス 212"/>
        <xdr:cNvSpPr txBox="1"/>
      </xdr:nvSpPr>
      <xdr:spPr>
        <a:xfrm>
          <a:off x="3733800" y="135964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82424</xdr:rowOff>
    </xdr:from>
    <xdr:to>
      <xdr:col>15</xdr:col>
      <xdr:colOff>133350</xdr:colOff>
      <xdr:row>81</xdr:row>
      <xdr:rowOff>12574</xdr:rowOff>
    </xdr:to>
    <xdr:sp macro="" textlink="">
      <xdr:nvSpPr>
        <xdr:cNvPr id="214" name="楕円 213"/>
        <xdr:cNvSpPr/>
      </xdr:nvSpPr>
      <xdr:spPr>
        <a:xfrm>
          <a:off x="3175000" y="13798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22751</xdr:rowOff>
    </xdr:from>
    <xdr:ext cx="762000" cy="259045"/>
    <xdr:sp macro="" textlink="">
      <xdr:nvSpPr>
        <xdr:cNvPr id="215" name="テキスト ボックス 214"/>
        <xdr:cNvSpPr txBox="1"/>
      </xdr:nvSpPr>
      <xdr:spPr>
        <a:xfrm>
          <a:off x="2844800" y="13567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05251</xdr:rowOff>
    </xdr:from>
    <xdr:to>
      <xdr:col>11</xdr:col>
      <xdr:colOff>82550</xdr:colOff>
      <xdr:row>81</xdr:row>
      <xdr:rowOff>35401</xdr:rowOff>
    </xdr:to>
    <xdr:sp macro="" textlink="">
      <xdr:nvSpPr>
        <xdr:cNvPr id="216" name="楕円 215"/>
        <xdr:cNvSpPr/>
      </xdr:nvSpPr>
      <xdr:spPr>
        <a:xfrm>
          <a:off x="2286000" y="13821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45578</xdr:rowOff>
    </xdr:from>
    <xdr:ext cx="762000" cy="259045"/>
    <xdr:sp macro="" textlink="">
      <xdr:nvSpPr>
        <xdr:cNvPr id="217" name="テキスト ボックス 216"/>
        <xdr:cNvSpPr txBox="1"/>
      </xdr:nvSpPr>
      <xdr:spPr>
        <a:xfrm>
          <a:off x="1955800" y="135901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55656</xdr:rowOff>
    </xdr:from>
    <xdr:to>
      <xdr:col>7</xdr:col>
      <xdr:colOff>31750</xdr:colOff>
      <xdr:row>80</xdr:row>
      <xdr:rowOff>157256</xdr:rowOff>
    </xdr:to>
    <xdr:sp macro="" textlink="">
      <xdr:nvSpPr>
        <xdr:cNvPr id="218" name="楕円 217"/>
        <xdr:cNvSpPr/>
      </xdr:nvSpPr>
      <xdr:spPr>
        <a:xfrm>
          <a:off x="1397000" y="13771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67433</xdr:rowOff>
    </xdr:from>
    <xdr:ext cx="762000" cy="259045"/>
    <xdr:sp macro="" textlink="">
      <xdr:nvSpPr>
        <xdr:cNvPr id="219" name="テキスト ボックス 218"/>
        <xdr:cNvSpPr txBox="1"/>
      </xdr:nvSpPr>
      <xdr:spPr>
        <a:xfrm>
          <a:off x="1066800" y="13540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chemeClr val="dk1"/>
              </a:solidFill>
              <a:effectLst/>
              <a:latin typeface="+mn-lt"/>
              <a:ea typeface="+mn-ea"/>
              <a:cs typeface="+mn-cs"/>
            </a:rPr>
            <a:t>　</a:t>
          </a:r>
          <a:r>
            <a:rPr kumimoji="1" lang="ja-JP" altLang="ja-JP" sz="1100" baseline="0">
              <a:solidFill>
                <a:schemeClr val="dk1"/>
              </a:solidFill>
              <a:effectLst/>
              <a:latin typeface="+mn-lt"/>
              <a:ea typeface="+mn-ea"/>
              <a:cs typeface="+mn-cs"/>
            </a:rPr>
            <a:t>現状、全国市平均を</a:t>
          </a:r>
          <a:r>
            <a:rPr kumimoji="1" lang="en-US" altLang="ja-JP" sz="1100" baseline="0">
              <a:solidFill>
                <a:schemeClr val="dk1"/>
              </a:solidFill>
              <a:effectLst/>
              <a:latin typeface="+mn-lt"/>
              <a:ea typeface="+mn-ea"/>
              <a:cs typeface="+mn-cs"/>
            </a:rPr>
            <a:t>2</a:t>
          </a:r>
          <a:r>
            <a:rPr kumimoji="1" lang="ja-JP" altLang="ja-JP" sz="1100" baseline="0">
              <a:solidFill>
                <a:schemeClr val="dk1"/>
              </a:solidFill>
              <a:effectLst/>
              <a:latin typeface="+mn-lt"/>
              <a:ea typeface="+mn-ea"/>
              <a:cs typeface="+mn-cs"/>
            </a:rPr>
            <a:t>ポイント、類似団体平均を</a:t>
          </a:r>
          <a:r>
            <a:rPr kumimoji="1" lang="en-US" altLang="ja-JP" sz="1100" baseline="0">
              <a:solidFill>
                <a:schemeClr val="dk1"/>
              </a:solidFill>
              <a:effectLst/>
              <a:latin typeface="+mn-lt"/>
              <a:ea typeface="+mn-ea"/>
              <a:cs typeface="+mn-cs"/>
            </a:rPr>
            <a:t>2.3</a:t>
          </a:r>
          <a:r>
            <a:rPr kumimoji="1" lang="ja-JP" altLang="ja-JP" sz="1100" baseline="0">
              <a:solidFill>
                <a:schemeClr val="dk1"/>
              </a:solidFill>
              <a:effectLst/>
              <a:latin typeface="+mn-lt"/>
              <a:ea typeface="+mn-ea"/>
              <a:cs typeface="+mn-cs"/>
            </a:rPr>
            <a:t>ポイント上回っている。平成</a:t>
          </a:r>
          <a:r>
            <a:rPr kumimoji="1" lang="en-US" altLang="ja-JP" sz="1100" baseline="0">
              <a:solidFill>
                <a:schemeClr val="dk1"/>
              </a:solidFill>
              <a:effectLst/>
              <a:latin typeface="+mn-lt"/>
              <a:ea typeface="+mn-ea"/>
              <a:cs typeface="+mn-cs"/>
            </a:rPr>
            <a:t>28</a:t>
          </a:r>
          <a:r>
            <a:rPr kumimoji="1" lang="ja-JP" altLang="ja-JP" sz="1100" baseline="0">
              <a:solidFill>
                <a:schemeClr val="dk1"/>
              </a:solidFill>
              <a:effectLst/>
              <a:latin typeface="+mn-lt"/>
              <a:ea typeface="+mn-ea"/>
              <a:cs typeface="+mn-cs"/>
            </a:rPr>
            <a:t>年度は、昇給抑制の実施等により</a:t>
          </a:r>
          <a:r>
            <a:rPr kumimoji="1" lang="en-US" altLang="ja-JP" sz="1100" baseline="0">
              <a:solidFill>
                <a:schemeClr val="dk1"/>
              </a:solidFill>
              <a:effectLst/>
              <a:latin typeface="+mn-lt"/>
              <a:ea typeface="+mn-ea"/>
              <a:cs typeface="+mn-cs"/>
            </a:rPr>
            <a:t>0.4</a:t>
          </a:r>
          <a:r>
            <a:rPr kumimoji="1" lang="ja-JP" altLang="ja-JP" sz="1100" baseline="0">
              <a:solidFill>
                <a:schemeClr val="dk1"/>
              </a:solidFill>
              <a:effectLst/>
              <a:latin typeface="+mn-lt"/>
              <a:ea typeface="+mn-ea"/>
              <a:cs typeface="+mn-cs"/>
            </a:rPr>
            <a:t>ポイント減少。平成</a:t>
          </a:r>
          <a:r>
            <a:rPr kumimoji="1" lang="en-US" altLang="ja-JP" sz="1100" baseline="0">
              <a:solidFill>
                <a:schemeClr val="dk1"/>
              </a:solidFill>
              <a:effectLst/>
              <a:latin typeface="+mn-lt"/>
              <a:ea typeface="+mn-ea"/>
              <a:cs typeface="+mn-cs"/>
            </a:rPr>
            <a:t>30</a:t>
          </a:r>
          <a:r>
            <a:rPr kumimoji="1" lang="ja-JP" altLang="ja-JP" sz="1100" baseline="0">
              <a:solidFill>
                <a:schemeClr val="dk1"/>
              </a:solidFill>
              <a:effectLst/>
              <a:latin typeface="+mn-lt"/>
              <a:ea typeface="+mn-ea"/>
              <a:cs typeface="+mn-cs"/>
            </a:rPr>
            <a:t>年度は、採用者の経験年数階層内の職員分布が高年齢に偏り、平均給料月額が上昇し</a:t>
          </a:r>
          <a:r>
            <a:rPr kumimoji="1" lang="en-US" altLang="ja-JP" sz="1100" baseline="0">
              <a:solidFill>
                <a:schemeClr val="dk1"/>
              </a:solidFill>
              <a:effectLst/>
              <a:latin typeface="+mn-lt"/>
              <a:ea typeface="+mn-ea"/>
              <a:cs typeface="+mn-cs"/>
            </a:rPr>
            <a:t>0.1</a:t>
          </a:r>
          <a:r>
            <a:rPr kumimoji="1" lang="ja-JP" altLang="ja-JP" sz="1100" baseline="0">
              <a:solidFill>
                <a:schemeClr val="dk1"/>
              </a:solidFill>
              <a:effectLst/>
              <a:latin typeface="+mn-lt"/>
              <a:ea typeface="+mn-ea"/>
              <a:cs typeface="+mn-cs"/>
            </a:rPr>
            <a:t>ポイント増加。令和元年度は、各項目での変動はあったものの、合計では増減なし。令和２年度は、退職により経験年数階層内の職員分布が低年齢層に偏ったことでの</a:t>
          </a:r>
          <a:r>
            <a:rPr kumimoji="1" lang="en-US" altLang="ja-JP" sz="1100" baseline="0">
              <a:solidFill>
                <a:schemeClr val="dk1"/>
              </a:solidFill>
              <a:effectLst/>
              <a:latin typeface="+mn-lt"/>
              <a:ea typeface="+mn-ea"/>
              <a:cs typeface="+mn-cs"/>
            </a:rPr>
            <a:t>0.2</a:t>
          </a:r>
          <a:r>
            <a:rPr kumimoji="1" lang="ja-JP" altLang="ja-JP" sz="1100" baseline="0">
              <a:solidFill>
                <a:schemeClr val="dk1"/>
              </a:solidFill>
              <a:effectLst/>
              <a:latin typeface="+mn-lt"/>
              <a:ea typeface="+mn-ea"/>
              <a:cs typeface="+mn-cs"/>
            </a:rPr>
            <a:t>ポイント増、大卒の経験年数階層が入れ替わり、階層内の平均給与月額が減少したため</a:t>
          </a:r>
          <a:r>
            <a:rPr kumimoji="1" lang="en-US" altLang="ja-JP" sz="1100" baseline="0">
              <a:solidFill>
                <a:schemeClr val="dk1"/>
              </a:solidFill>
              <a:effectLst/>
              <a:latin typeface="+mn-lt"/>
              <a:ea typeface="+mn-ea"/>
              <a:cs typeface="+mn-cs"/>
            </a:rPr>
            <a:t>0.3</a:t>
          </a:r>
          <a:r>
            <a:rPr kumimoji="1" lang="ja-JP" altLang="ja-JP" sz="1100" baseline="0">
              <a:solidFill>
                <a:schemeClr val="dk1"/>
              </a:solidFill>
              <a:effectLst/>
              <a:latin typeface="+mn-lt"/>
              <a:ea typeface="+mn-ea"/>
              <a:cs typeface="+mn-cs"/>
            </a:rPr>
            <a:t>ポイント減、合計では</a:t>
          </a:r>
          <a:r>
            <a:rPr kumimoji="1" lang="en-US" altLang="ja-JP" sz="1100" baseline="0">
              <a:solidFill>
                <a:schemeClr val="dk1"/>
              </a:solidFill>
              <a:effectLst/>
              <a:latin typeface="+mn-lt"/>
              <a:ea typeface="+mn-ea"/>
              <a:cs typeface="+mn-cs"/>
            </a:rPr>
            <a:t>0.1</a:t>
          </a:r>
          <a:r>
            <a:rPr kumimoji="1" lang="ja-JP" altLang="ja-JP" sz="1100" baseline="0">
              <a:solidFill>
                <a:schemeClr val="dk1"/>
              </a:solidFill>
              <a:effectLst/>
              <a:latin typeface="+mn-lt"/>
              <a:ea typeface="+mn-ea"/>
              <a:cs typeface="+mn-cs"/>
            </a:rPr>
            <a:t>ポイントの減少。今後も、人事院勧告に従い、ラスパイレス指数</a:t>
          </a:r>
          <a:r>
            <a:rPr kumimoji="1" lang="en-US" altLang="ja-JP" sz="1100" baseline="0">
              <a:solidFill>
                <a:schemeClr val="dk1"/>
              </a:solidFill>
              <a:effectLst/>
              <a:latin typeface="+mn-lt"/>
              <a:ea typeface="+mn-ea"/>
              <a:cs typeface="+mn-cs"/>
            </a:rPr>
            <a:t>100</a:t>
          </a:r>
          <a:r>
            <a:rPr kumimoji="1" lang="ja-JP" altLang="ja-JP" sz="1100" baseline="0">
              <a:solidFill>
                <a:schemeClr val="dk1"/>
              </a:solidFill>
              <a:effectLst/>
              <a:latin typeface="+mn-lt"/>
              <a:ea typeface="+mn-ea"/>
              <a:cs typeface="+mn-cs"/>
            </a:rPr>
            <a:t>未満を目標とす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98072</xdr:rowOff>
    </xdr:from>
    <xdr:to>
      <xdr:col>81</xdr:col>
      <xdr:colOff>44450</xdr:colOff>
      <xdr:row>88</xdr:row>
      <xdr:rowOff>107245</xdr:rowOff>
    </xdr:to>
    <xdr:cxnSp macro="">
      <xdr:nvCxnSpPr>
        <xdr:cNvPr id="248" name="直線コネクタ 247"/>
        <xdr:cNvCxnSpPr/>
      </xdr:nvCxnSpPr>
      <xdr:spPr>
        <a:xfrm flipV="1">
          <a:off x="17018000" y="13814072"/>
          <a:ext cx="0" cy="13807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79322</xdr:rowOff>
    </xdr:from>
    <xdr:ext cx="762000" cy="259045"/>
    <xdr:sp macro="" textlink="">
      <xdr:nvSpPr>
        <xdr:cNvPr id="249" name="給与水準   （国との比較）最小値テキスト"/>
        <xdr:cNvSpPr txBox="1"/>
      </xdr:nvSpPr>
      <xdr:spPr>
        <a:xfrm>
          <a:off x="17106900" y="1516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07245</xdr:rowOff>
    </xdr:from>
    <xdr:to>
      <xdr:col>81</xdr:col>
      <xdr:colOff>133350</xdr:colOff>
      <xdr:row>88</xdr:row>
      <xdr:rowOff>107245</xdr:rowOff>
    </xdr:to>
    <xdr:cxnSp macro="">
      <xdr:nvCxnSpPr>
        <xdr:cNvPr id="250" name="直線コネクタ 249"/>
        <xdr:cNvCxnSpPr/>
      </xdr:nvCxnSpPr>
      <xdr:spPr>
        <a:xfrm>
          <a:off x="16929100" y="15194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2999</xdr:rowOff>
    </xdr:from>
    <xdr:ext cx="762000" cy="259045"/>
    <xdr:sp macro="" textlink="">
      <xdr:nvSpPr>
        <xdr:cNvPr id="251" name="給与水準   （国との比較）最大値テキスト"/>
        <xdr:cNvSpPr txBox="1"/>
      </xdr:nvSpPr>
      <xdr:spPr>
        <a:xfrm>
          <a:off x="17106900" y="1355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98072</xdr:rowOff>
    </xdr:from>
    <xdr:to>
      <xdr:col>81</xdr:col>
      <xdr:colOff>133350</xdr:colOff>
      <xdr:row>80</xdr:row>
      <xdr:rowOff>98072</xdr:rowOff>
    </xdr:to>
    <xdr:cxnSp macro="">
      <xdr:nvCxnSpPr>
        <xdr:cNvPr id="252" name="直線コネクタ 251"/>
        <xdr:cNvCxnSpPr/>
      </xdr:nvCxnSpPr>
      <xdr:spPr>
        <a:xfrm>
          <a:off x="16929100" y="13814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01600</xdr:rowOff>
    </xdr:from>
    <xdr:to>
      <xdr:col>81</xdr:col>
      <xdr:colOff>44450</xdr:colOff>
      <xdr:row>86</xdr:row>
      <xdr:rowOff>115005</xdr:rowOff>
    </xdr:to>
    <xdr:cxnSp macro="">
      <xdr:nvCxnSpPr>
        <xdr:cNvPr id="253" name="直線コネクタ 252"/>
        <xdr:cNvCxnSpPr/>
      </xdr:nvCxnSpPr>
      <xdr:spPr>
        <a:xfrm flipV="1">
          <a:off x="16179800" y="14846300"/>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1899</xdr:rowOff>
    </xdr:from>
    <xdr:ext cx="762000" cy="259045"/>
    <xdr:sp macro="" textlink="">
      <xdr:nvSpPr>
        <xdr:cNvPr id="254" name="給与水準   （国との比較）平均値テキスト"/>
        <xdr:cNvSpPr txBox="1"/>
      </xdr:nvSpPr>
      <xdr:spPr>
        <a:xfrm>
          <a:off x="17106900" y="143322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85372</xdr:rowOff>
    </xdr:from>
    <xdr:to>
      <xdr:col>81</xdr:col>
      <xdr:colOff>95250</xdr:colOff>
      <xdr:row>85</xdr:row>
      <xdr:rowOff>15522</xdr:rowOff>
    </xdr:to>
    <xdr:sp macro="" textlink="">
      <xdr:nvSpPr>
        <xdr:cNvPr id="255" name="フローチャート: 判断 254"/>
        <xdr:cNvSpPr/>
      </xdr:nvSpPr>
      <xdr:spPr>
        <a:xfrm>
          <a:off x="16967200" y="14487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15005</xdr:rowOff>
    </xdr:from>
    <xdr:to>
      <xdr:col>77</xdr:col>
      <xdr:colOff>44450</xdr:colOff>
      <xdr:row>86</xdr:row>
      <xdr:rowOff>115005</xdr:rowOff>
    </xdr:to>
    <xdr:cxnSp macro="">
      <xdr:nvCxnSpPr>
        <xdr:cNvPr id="256" name="直線コネクタ 255"/>
        <xdr:cNvCxnSpPr/>
      </xdr:nvCxnSpPr>
      <xdr:spPr>
        <a:xfrm>
          <a:off x="15290800" y="148597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71966</xdr:rowOff>
    </xdr:from>
    <xdr:to>
      <xdr:col>77</xdr:col>
      <xdr:colOff>95250</xdr:colOff>
      <xdr:row>85</xdr:row>
      <xdr:rowOff>2116</xdr:rowOff>
    </xdr:to>
    <xdr:sp macro="" textlink="">
      <xdr:nvSpPr>
        <xdr:cNvPr id="257" name="フローチャート: 判断 256"/>
        <xdr:cNvSpPr/>
      </xdr:nvSpPr>
      <xdr:spPr>
        <a:xfrm>
          <a:off x="16129000" y="1447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293</xdr:rowOff>
    </xdr:from>
    <xdr:ext cx="736600" cy="259045"/>
    <xdr:sp macro="" textlink="">
      <xdr:nvSpPr>
        <xdr:cNvPr id="258" name="テキスト ボックス 257"/>
        <xdr:cNvSpPr txBox="1"/>
      </xdr:nvSpPr>
      <xdr:spPr>
        <a:xfrm>
          <a:off x="15798800" y="142426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6</xdr:row>
      <xdr:rowOff>115005</xdr:rowOff>
    </xdr:to>
    <xdr:cxnSp macro="">
      <xdr:nvCxnSpPr>
        <xdr:cNvPr id="259" name="直線コネクタ 258"/>
        <xdr:cNvCxnSpPr/>
      </xdr:nvCxnSpPr>
      <xdr:spPr>
        <a:xfrm>
          <a:off x="14401800" y="148463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98778</xdr:rowOff>
    </xdr:from>
    <xdr:to>
      <xdr:col>73</xdr:col>
      <xdr:colOff>44450</xdr:colOff>
      <xdr:row>85</xdr:row>
      <xdr:rowOff>28928</xdr:rowOff>
    </xdr:to>
    <xdr:sp macro="" textlink="">
      <xdr:nvSpPr>
        <xdr:cNvPr id="260" name="フローチャート: 判断 259"/>
        <xdr:cNvSpPr/>
      </xdr:nvSpPr>
      <xdr:spPr>
        <a:xfrm>
          <a:off x="15240000" y="14500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39105</xdr:rowOff>
    </xdr:from>
    <xdr:ext cx="762000" cy="259045"/>
    <xdr:sp macro="" textlink="">
      <xdr:nvSpPr>
        <xdr:cNvPr id="261" name="テキスト ボックス 260"/>
        <xdr:cNvSpPr txBox="1"/>
      </xdr:nvSpPr>
      <xdr:spPr>
        <a:xfrm>
          <a:off x="14909800" y="142694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7</xdr:row>
      <xdr:rowOff>117828</xdr:rowOff>
    </xdr:to>
    <xdr:cxnSp macro="">
      <xdr:nvCxnSpPr>
        <xdr:cNvPr id="262" name="直線コネクタ 261"/>
        <xdr:cNvCxnSpPr/>
      </xdr:nvCxnSpPr>
      <xdr:spPr>
        <a:xfrm flipV="1">
          <a:off x="13512800" y="14846300"/>
          <a:ext cx="889000" cy="187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98778</xdr:rowOff>
    </xdr:from>
    <xdr:to>
      <xdr:col>68</xdr:col>
      <xdr:colOff>203200</xdr:colOff>
      <xdr:row>85</xdr:row>
      <xdr:rowOff>28928</xdr:rowOff>
    </xdr:to>
    <xdr:sp macro="" textlink="">
      <xdr:nvSpPr>
        <xdr:cNvPr id="263" name="フローチャート: 判断 262"/>
        <xdr:cNvSpPr/>
      </xdr:nvSpPr>
      <xdr:spPr>
        <a:xfrm>
          <a:off x="14351000" y="14500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39105</xdr:rowOff>
    </xdr:from>
    <xdr:ext cx="762000" cy="259045"/>
    <xdr:sp macro="" textlink="">
      <xdr:nvSpPr>
        <xdr:cNvPr id="264" name="テキスト ボックス 263"/>
        <xdr:cNvSpPr txBox="1"/>
      </xdr:nvSpPr>
      <xdr:spPr>
        <a:xfrm>
          <a:off x="14020800" y="142694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71966</xdr:rowOff>
    </xdr:from>
    <xdr:to>
      <xdr:col>64</xdr:col>
      <xdr:colOff>152400</xdr:colOff>
      <xdr:row>85</xdr:row>
      <xdr:rowOff>2116</xdr:rowOff>
    </xdr:to>
    <xdr:sp macro="" textlink="">
      <xdr:nvSpPr>
        <xdr:cNvPr id="265" name="フローチャート: 判断 264"/>
        <xdr:cNvSpPr/>
      </xdr:nvSpPr>
      <xdr:spPr>
        <a:xfrm>
          <a:off x="13462000" y="1447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2293</xdr:rowOff>
    </xdr:from>
    <xdr:ext cx="762000" cy="259045"/>
    <xdr:sp macro="" textlink="">
      <xdr:nvSpPr>
        <xdr:cNvPr id="266" name="テキスト ボックス 265"/>
        <xdr:cNvSpPr txBox="1"/>
      </xdr:nvSpPr>
      <xdr:spPr>
        <a:xfrm>
          <a:off x="13131800" y="14242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72" name="楕円 271"/>
        <xdr:cNvSpPr/>
      </xdr:nvSpPr>
      <xdr:spPr>
        <a:xfrm>
          <a:off x="169672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22877</xdr:rowOff>
    </xdr:from>
    <xdr:ext cx="762000" cy="259045"/>
    <xdr:sp macro="" textlink="">
      <xdr:nvSpPr>
        <xdr:cNvPr id="273" name="給与水準   （国との比較）該当値テキスト"/>
        <xdr:cNvSpPr txBox="1"/>
      </xdr:nvSpPr>
      <xdr:spPr>
        <a:xfrm>
          <a:off x="17106900" y="1476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64205</xdr:rowOff>
    </xdr:from>
    <xdr:to>
      <xdr:col>77</xdr:col>
      <xdr:colOff>95250</xdr:colOff>
      <xdr:row>86</xdr:row>
      <xdr:rowOff>165805</xdr:rowOff>
    </xdr:to>
    <xdr:sp macro="" textlink="">
      <xdr:nvSpPr>
        <xdr:cNvPr id="274" name="楕円 273"/>
        <xdr:cNvSpPr/>
      </xdr:nvSpPr>
      <xdr:spPr>
        <a:xfrm>
          <a:off x="16129000" y="1480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50582</xdr:rowOff>
    </xdr:from>
    <xdr:ext cx="736600" cy="259045"/>
    <xdr:sp macro="" textlink="">
      <xdr:nvSpPr>
        <xdr:cNvPr id="275" name="テキスト ボックス 274"/>
        <xdr:cNvSpPr txBox="1"/>
      </xdr:nvSpPr>
      <xdr:spPr>
        <a:xfrm>
          <a:off x="15798800" y="14895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64205</xdr:rowOff>
    </xdr:from>
    <xdr:to>
      <xdr:col>73</xdr:col>
      <xdr:colOff>44450</xdr:colOff>
      <xdr:row>86</xdr:row>
      <xdr:rowOff>165805</xdr:rowOff>
    </xdr:to>
    <xdr:sp macro="" textlink="">
      <xdr:nvSpPr>
        <xdr:cNvPr id="276" name="楕円 275"/>
        <xdr:cNvSpPr/>
      </xdr:nvSpPr>
      <xdr:spPr>
        <a:xfrm>
          <a:off x="15240000" y="1480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50582</xdr:rowOff>
    </xdr:from>
    <xdr:ext cx="762000" cy="259045"/>
    <xdr:sp macro="" textlink="">
      <xdr:nvSpPr>
        <xdr:cNvPr id="277" name="テキスト ボックス 276"/>
        <xdr:cNvSpPr txBox="1"/>
      </xdr:nvSpPr>
      <xdr:spPr>
        <a:xfrm>
          <a:off x="14909800" y="14895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78" name="楕円 277"/>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79" name="テキスト ボックス 278"/>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67028</xdr:rowOff>
    </xdr:from>
    <xdr:to>
      <xdr:col>64</xdr:col>
      <xdr:colOff>152400</xdr:colOff>
      <xdr:row>87</xdr:row>
      <xdr:rowOff>168628</xdr:rowOff>
    </xdr:to>
    <xdr:sp macro="" textlink="">
      <xdr:nvSpPr>
        <xdr:cNvPr id="280" name="楕円 279"/>
        <xdr:cNvSpPr/>
      </xdr:nvSpPr>
      <xdr:spPr>
        <a:xfrm>
          <a:off x="13462000" y="14983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53405</xdr:rowOff>
    </xdr:from>
    <xdr:ext cx="762000" cy="259045"/>
    <xdr:sp macro="" textlink="">
      <xdr:nvSpPr>
        <xdr:cNvPr id="281" name="テキスト ボックス 280"/>
        <xdr:cNvSpPr txBox="1"/>
      </xdr:nvSpPr>
      <xdr:spPr>
        <a:xfrm>
          <a:off x="13131800" y="150695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再任用職員の活用等により職員数の減少を図るとともに、プレミアム付き商品券対応業務等が終了したことで、人口千人当たりの職員数は前年より減少した。</a:t>
          </a:r>
          <a:endParaRPr lang="ja-JP" altLang="ja-JP" sz="1400">
            <a:effectLst/>
          </a:endParaRPr>
        </a:p>
        <a:p>
          <a:r>
            <a:rPr kumimoji="1" lang="ja-JP" altLang="ja-JP" sz="1100">
              <a:solidFill>
                <a:schemeClr val="dk1"/>
              </a:solidFill>
              <a:effectLst/>
              <a:latin typeface="+mn-lt"/>
              <a:ea typeface="+mn-ea"/>
              <a:cs typeface="+mn-cs"/>
            </a:rPr>
            <a:t>　今後も引き続き、民間委託、会計年度任用職員の活用や再任用職員の知識・経験の活用などにより、行政サービスの水準を低下させることなく、事務事業の効率を進め、業務量に見合った職員配置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5" name="テキスト ボックス 294"/>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7886</xdr:rowOff>
    </xdr:from>
    <xdr:to>
      <xdr:col>81</xdr:col>
      <xdr:colOff>44450</xdr:colOff>
      <xdr:row>66</xdr:row>
      <xdr:rowOff>54398</xdr:rowOff>
    </xdr:to>
    <xdr:cxnSp macro="">
      <xdr:nvCxnSpPr>
        <xdr:cNvPr id="311" name="直線コネクタ 310"/>
        <xdr:cNvCxnSpPr/>
      </xdr:nvCxnSpPr>
      <xdr:spPr>
        <a:xfrm flipV="1">
          <a:off x="17018000" y="10133436"/>
          <a:ext cx="0" cy="123666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26475</xdr:rowOff>
    </xdr:from>
    <xdr:ext cx="762000" cy="259045"/>
    <xdr:sp macro="" textlink="">
      <xdr:nvSpPr>
        <xdr:cNvPr id="312" name="定員管理の状況最小値テキスト"/>
        <xdr:cNvSpPr txBox="1"/>
      </xdr:nvSpPr>
      <xdr:spPr>
        <a:xfrm>
          <a:off x="17106900" y="11342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54398</xdr:rowOff>
    </xdr:from>
    <xdr:to>
      <xdr:col>81</xdr:col>
      <xdr:colOff>133350</xdr:colOff>
      <xdr:row>66</xdr:row>
      <xdr:rowOff>54398</xdr:rowOff>
    </xdr:to>
    <xdr:cxnSp macro="">
      <xdr:nvCxnSpPr>
        <xdr:cNvPr id="313" name="直線コネクタ 312"/>
        <xdr:cNvCxnSpPr/>
      </xdr:nvCxnSpPr>
      <xdr:spPr>
        <a:xfrm>
          <a:off x="16929100" y="11370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4263</xdr:rowOff>
    </xdr:from>
    <xdr:ext cx="762000" cy="259045"/>
    <xdr:sp macro="" textlink="">
      <xdr:nvSpPr>
        <xdr:cNvPr id="314" name="定員管理の状況最大値テキスト"/>
        <xdr:cNvSpPr txBox="1"/>
      </xdr:nvSpPr>
      <xdr:spPr>
        <a:xfrm>
          <a:off x="17106900" y="9876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7886</xdr:rowOff>
    </xdr:from>
    <xdr:to>
      <xdr:col>81</xdr:col>
      <xdr:colOff>133350</xdr:colOff>
      <xdr:row>59</xdr:row>
      <xdr:rowOff>17886</xdr:rowOff>
    </xdr:to>
    <xdr:cxnSp macro="">
      <xdr:nvCxnSpPr>
        <xdr:cNvPr id="315" name="直線コネクタ 314"/>
        <xdr:cNvCxnSpPr/>
      </xdr:nvCxnSpPr>
      <xdr:spPr>
        <a:xfrm>
          <a:off x="16929100" y="10133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33456</xdr:rowOff>
    </xdr:from>
    <xdr:to>
      <xdr:col>81</xdr:col>
      <xdr:colOff>44450</xdr:colOff>
      <xdr:row>61</xdr:row>
      <xdr:rowOff>141499</xdr:rowOff>
    </xdr:to>
    <xdr:cxnSp macro="">
      <xdr:nvCxnSpPr>
        <xdr:cNvPr id="316" name="直線コネクタ 315"/>
        <xdr:cNvCxnSpPr/>
      </xdr:nvCxnSpPr>
      <xdr:spPr>
        <a:xfrm flipV="1">
          <a:off x="16179800" y="10591906"/>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19080</xdr:rowOff>
    </xdr:from>
    <xdr:ext cx="762000" cy="259045"/>
    <xdr:sp macro="" textlink="">
      <xdr:nvSpPr>
        <xdr:cNvPr id="317" name="定員管理の状況平均値テキスト"/>
        <xdr:cNvSpPr txBox="1"/>
      </xdr:nvSpPr>
      <xdr:spPr>
        <a:xfrm>
          <a:off x="17106900" y="105775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47003</xdr:rowOff>
    </xdr:from>
    <xdr:to>
      <xdr:col>81</xdr:col>
      <xdr:colOff>95250</xdr:colOff>
      <xdr:row>62</xdr:row>
      <xdr:rowOff>77153</xdr:rowOff>
    </xdr:to>
    <xdr:sp macro="" textlink="">
      <xdr:nvSpPr>
        <xdr:cNvPr id="318" name="フローチャート: 判断 317"/>
        <xdr:cNvSpPr/>
      </xdr:nvSpPr>
      <xdr:spPr>
        <a:xfrm>
          <a:off x="16967200" y="10605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23402</xdr:rowOff>
    </xdr:from>
    <xdr:to>
      <xdr:col>77</xdr:col>
      <xdr:colOff>44450</xdr:colOff>
      <xdr:row>61</xdr:row>
      <xdr:rowOff>141499</xdr:rowOff>
    </xdr:to>
    <xdr:cxnSp macro="">
      <xdr:nvCxnSpPr>
        <xdr:cNvPr id="319" name="直線コネクタ 318"/>
        <xdr:cNvCxnSpPr/>
      </xdr:nvCxnSpPr>
      <xdr:spPr>
        <a:xfrm>
          <a:off x="15290800" y="10581852"/>
          <a:ext cx="889000" cy="1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67111</xdr:rowOff>
    </xdr:from>
    <xdr:to>
      <xdr:col>77</xdr:col>
      <xdr:colOff>95250</xdr:colOff>
      <xdr:row>62</xdr:row>
      <xdr:rowOff>97261</xdr:rowOff>
    </xdr:to>
    <xdr:sp macro="" textlink="">
      <xdr:nvSpPr>
        <xdr:cNvPr id="320" name="フローチャート: 判断 319"/>
        <xdr:cNvSpPr/>
      </xdr:nvSpPr>
      <xdr:spPr>
        <a:xfrm>
          <a:off x="16129000" y="10625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82038</xdr:rowOff>
    </xdr:from>
    <xdr:ext cx="736600" cy="259045"/>
    <xdr:sp macro="" textlink="">
      <xdr:nvSpPr>
        <xdr:cNvPr id="321" name="テキスト ボックス 320"/>
        <xdr:cNvSpPr txBox="1"/>
      </xdr:nvSpPr>
      <xdr:spPr>
        <a:xfrm>
          <a:off x="15798800" y="107119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23402</xdr:rowOff>
    </xdr:from>
    <xdr:to>
      <xdr:col>72</xdr:col>
      <xdr:colOff>203200</xdr:colOff>
      <xdr:row>61</xdr:row>
      <xdr:rowOff>123402</xdr:rowOff>
    </xdr:to>
    <xdr:cxnSp macro="">
      <xdr:nvCxnSpPr>
        <xdr:cNvPr id="322" name="直線コネクタ 321"/>
        <xdr:cNvCxnSpPr/>
      </xdr:nvCxnSpPr>
      <xdr:spPr>
        <a:xfrm>
          <a:off x="14401800" y="105818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49013</xdr:rowOff>
    </xdr:from>
    <xdr:to>
      <xdr:col>73</xdr:col>
      <xdr:colOff>44450</xdr:colOff>
      <xdr:row>62</xdr:row>
      <xdr:rowOff>79163</xdr:rowOff>
    </xdr:to>
    <xdr:sp macro="" textlink="">
      <xdr:nvSpPr>
        <xdr:cNvPr id="323" name="フローチャート: 判断 322"/>
        <xdr:cNvSpPr/>
      </xdr:nvSpPr>
      <xdr:spPr>
        <a:xfrm>
          <a:off x="15240000" y="1060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63940</xdr:rowOff>
    </xdr:from>
    <xdr:ext cx="762000" cy="259045"/>
    <xdr:sp macro="" textlink="">
      <xdr:nvSpPr>
        <xdr:cNvPr id="324" name="テキスト ボックス 323"/>
        <xdr:cNvSpPr txBox="1"/>
      </xdr:nvSpPr>
      <xdr:spPr>
        <a:xfrm>
          <a:off x="14909800" y="10693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83185</xdr:rowOff>
    </xdr:from>
    <xdr:to>
      <xdr:col>68</xdr:col>
      <xdr:colOff>152400</xdr:colOff>
      <xdr:row>61</xdr:row>
      <xdr:rowOff>123402</xdr:rowOff>
    </xdr:to>
    <xdr:cxnSp macro="">
      <xdr:nvCxnSpPr>
        <xdr:cNvPr id="325" name="直線コネクタ 324"/>
        <xdr:cNvCxnSpPr/>
      </xdr:nvCxnSpPr>
      <xdr:spPr>
        <a:xfrm>
          <a:off x="13512800" y="10541635"/>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4938</xdr:rowOff>
    </xdr:from>
    <xdr:to>
      <xdr:col>68</xdr:col>
      <xdr:colOff>203200</xdr:colOff>
      <xdr:row>62</xdr:row>
      <xdr:rowOff>65088</xdr:rowOff>
    </xdr:to>
    <xdr:sp macro="" textlink="">
      <xdr:nvSpPr>
        <xdr:cNvPr id="326" name="フローチャート: 判断 325"/>
        <xdr:cNvSpPr/>
      </xdr:nvSpPr>
      <xdr:spPr>
        <a:xfrm>
          <a:off x="14351000" y="1059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9865</xdr:rowOff>
    </xdr:from>
    <xdr:ext cx="762000" cy="259045"/>
    <xdr:sp macro="" textlink="">
      <xdr:nvSpPr>
        <xdr:cNvPr id="327" name="テキスト ボックス 326"/>
        <xdr:cNvSpPr txBox="1"/>
      </xdr:nvSpPr>
      <xdr:spPr>
        <a:xfrm>
          <a:off x="14020800" y="10679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8905</xdr:rowOff>
    </xdr:from>
    <xdr:to>
      <xdr:col>64</xdr:col>
      <xdr:colOff>152400</xdr:colOff>
      <xdr:row>62</xdr:row>
      <xdr:rowOff>59055</xdr:rowOff>
    </xdr:to>
    <xdr:sp macro="" textlink="">
      <xdr:nvSpPr>
        <xdr:cNvPr id="328" name="フローチャート: 判断 327"/>
        <xdr:cNvSpPr/>
      </xdr:nvSpPr>
      <xdr:spPr>
        <a:xfrm>
          <a:off x="13462000" y="10587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43832</xdr:rowOff>
    </xdr:from>
    <xdr:ext cx="762000" cy="259045"/>
    <xdr:sp macro="" textlink="">
      <xdr:nvSpPr>
        <xdr:cNvPr id="329" name="テキスト ボックス 328"/>
        <xdr:cNvSpPr txBox="1"/>
      </xdr:nvSpPr>
      <xdr:spPr>
        <a:xfrm>
          <a:off x="13131800" y="10673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2656</xdr:rowOff>
    </xdr:from>
    <xdr:to>
      <xdr:col>81</xdr:col>
      <xdr:colOff>95250</xdr:colOff>
      <xdr:row>62</xdr:row>
      <xdr:rowOff>12806</xdr:rowOff>
    </xdr:to>
    <xdr:sp macro="" textlink="">
      <xdr:nvSpPr>
        <xdr:cNvPr id="335" name="楕円 334"/>
        <xdr:cNvSpPr/>
      </xdr:nvSpPr>
      <xdr:spPr>
        <a:xfrm>
          <a:off x="16967200" y="10541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99183</xdr:rowOff>
    </xdr:from>
    <xdr:ext cx="762000" cy="259045"/>
    <xdr:sp macro="" textlink="">
      <xdr:nvSpPr>
        <xdr:cNvPr id="336" name="定員管理の状況該当値テキスト"/>
        <xdr:cNvSpPr txBox="1"/>
      </xdr:nvSpPr>
      <xdr:spPr>
        <a:xfrm>
          <a:off x="17106900" y="10386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90699</xdr:rowOff>
    </xdr:from>
    <xdr:to>
      <xdr:col>77</xdr:col>
      <xdr:colOff>95250</xdr:colOff>
      <xdr:row>62</xdr:row>
      <xdr:rowOff>20849</xdr:rowOff>
    </xdr:to>
    <xdr:sp macro="" textlink="">
      <xdr:nvSpPr>
        <xdr:cNvPr id="337" name="楕円 336"/>
        <xdr:cNvSpPr/>
      </xdr:nvSpPr>
      <xdr:spPr>
        <a:xfrm>
          <a:off x="16129000" y="10549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31026</xdr:rowOff>
    </xdr:from>
    <xdr:ext cx="736600" cy="259045"/>
    <xdr:sp macro="" textlink="">
      <xdr:nvSpPr>
        <xdr:cNvPr id="338" name="テキスト ボックス 337"/>
        <xdr:cNvSpPr txBox="1"/>
      </xdr:nvSpPr>
      <xdr:spPr>
        <a:xfrm>
          <a:off x="15798800" y="103180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72602</xdr:rowOff>
    </xdr:from>
    <xdr:to>
      <xdr:col>73</xdr:col>
      <xdr:colOff>44450</xdr:colOff>
      <xdr:row>62</xdr:row>
      <xdr:rowOff>2752</xdr:rowOff>
    </xdr:to>
    <xdr:sp macro="" textlink="">
      <xdr:nvSpPr>
        <xdr:cNvPr id="339" name="楕円 338"/>
        <xdr:cNvSpPr/>
      </xdr:nvSpPr>
      <xdr:spPr>
        <a:xfrm>
          <a:off x="152400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2929</xdr:rowOff>
    </xdr:from>
    <xdr:ext cx="762000" cy="259045"/>
    <xdr:sp macro="" textlink="">
      <xdr:nvSpPr>
        <xdr:cNvPr id="340" name="テキスト ボックス 339"/>
        <xdr:cNvSpPr txBox="1"/>
      </xdr:nvSpPr>
      <xdr:spPr>
        <a:xfrm>
          <a:off x="14909800" y="10299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72602</xdr:rowOff>
    </xdr:from>
    <xdr:to>
      <xdr:col>68</xdr:col>
      <xdr:colOff>203200</xdr:colOff>
      <xdr:row>62</xdr:row>
      <xdr:rowOff>2752</xdr:rowOff>
    </xdr:to>
    <xdr:sp macro="" textlink="">
      <xdr:nvSpPr>
        <xdr:cNvPr id="341" name="楕円 340"/>
        <xdr:cNvSpPr/>
      </xdr:nvSpPr>
      <xdr:spPr>
        <a:xfrm>
          <a:off x="143510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2929</xdr:rowOff>
    </xdr:from>
    <xdr:ext cx="762000" cy="259045"/>
    <xdr:sp macro="" textlink="">
      <xdr:nvSpPr>
        <xdr:cNvPr id="342" name="テキスト ボックス 341"/>
        <xdr:cNvSpPr txBox="1"/>
      </xdr:nvSpPr>
      <xdr:spPr>
        <a:xfrm>
          <a:off x="14020800" y="10299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32385</xdr:rowOff>
    </xdr:from>
    <xdr:to>
      <xdr:col>64</xdr:col>
      <xdr:colOff>152400</xdr:colOff>
      <xdr:row>61</xdr:row>
      <xdr:rowOff>133985</xdr:rowOff>
    </xdr:to>
    <xdr:sp macro="" textlink="">
      <xdr:nvSpPr>
        <xdr:cNvPr id="343" name="楕円 342"/>
        <xdr:cNvSpPr/>
      </xdr:nvSpPr>
      <xdr:spPr>
        <a:xfrm>
          <a:off x="13462000" y="10490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44162</xdr:rowOff>
    </xdr:from>
    <xdr:ext cx="762000" cy="259045"/>
    <xdr:sp macro="" textlink="">
      <xdr:nvSpPr>
        <xdr:cNvPr id="344" name="テキスト ボックス 343"/>
        <xdr:cNvSpPr txBox="1"/>
      </xdr:nvSpPr>
      <xdr:spPr>
        <a:xfrm>
          <a:off x="13131800" y="10259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実質公債費比率</a:t>
          </a:r>
          <a:r>
            <a:rPr kumimoji="1" lang="ja-JP" altLang="en-US" sz="1100">
              <a:solidFill>
                <a:schemeClr val="dk1"/>
              </a:solidFill>
              <a:effectLst/>
              <a:latin typeface="+mn-lt"/>
              <a:ea typeface="+mn-ea"/>
              <a:cs typeface="+mn-cs"/>
            </a:rPr>
            <a:t>について、</a:t>
          </a:r>
          <a:r>
            <a:rPr kumimoji="1" lang="ja-JP" altLang="en-US" sz="1100">
              <a:latin typeface="+mn-ea"/>
              <a:ea typeface="+mn-ea"/>
            </a:rPr>
            <a:t>分子は公営企業に要する経費の財源とする地方債の償還の財源に充てたと認められる繰入金の減、分母は標準税収入額等の増や普通交付税額の増、臨時財政対策債発行可能額の増により、前年度と比較すると</a:t>
          </a:r>
          <a:r>
            <a:rPr kumimoji="1" lang="en-US" altLang="ja-JP" sz="1100">
              <a:latin typeface="+mn-ea"/>
              <a:ea typeface="+mn-ea"/>
            </a:rPr>
            <a:t>1.8</a:t>
          </a:r>
          <a:r>
            <a:rPr kumimoji="1" lang="ja-JP" altLang="en-US" sz="1100">
              <a:latin typeface="+mn-ea"/>
              <a:ea typeface="+mn-ea"/>
            </a:rPr>
            <a:t>ポイント減少となった。</a:t>
          </a:r>
          <a:endParaRPr kumimoji="1" lang="en-US" altLang="ja-JP" sz="1100">
            <a:latin typeface="+mn-ea"/>
            <a:ea typeface="+mn-ea"/>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今後も</a:t>
          </a:r>
          <a:r>
            <a:rPr kumimoji="1" lang="ja-JP" altLang="ja-JP" sz="1100">
              <a:solidFill>
                <a:schemeClr val="dk1"/>
              </a:solidFill>
              <a:effectLst/>
              <a:latin typeface="+mn-lt"/>
              <a:ea typeface="+mn-ea"/>
              <a:cs typeface="+mn-cs"/>
            </a:rPr>
            <a:t>借入抑制に努めるとともに、計画的な償還計画を図り指標の安定に努める。</a:t>
          </a:r>
          <a:endParaRPr lang="ja-JP" altLang="ja-JP">
            <a:effectLst/>
          </a:endParaRPr>
        </a:p>
      </xdr:txBody>
    </xdr:sp>
    <xdr:clientData/>
  </xdr:twoCellAnchor>
  <xdr:oneCellAnchor>
    <xdr:from>
      <xdr:col>61</xdr:col>
      <xdr:colOff>6350</xdr:colOff>
      <xdr:row>32</xdr:row>
      <xdr:rowOff>101600</xdr:rowOff>
    </xdr:from>
    <xdr:ext cx="298543" cy="225703"/>
    <xdr:sp macro="" textlink="">
      <xdr:nvSpPr>
        <xdr:cNvPr id="358" name="テキスト ボックス 35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1" name="直線コネクタ 360"/>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2" name="テキスト ボックス 361"/>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3" name="直線コネクタ 362"/>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4" name="テキスト ボックス 363"/>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5" name="直線コネクタ 364"/>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66" name="テキスト ボックス 365"/>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67" name="直線コネクタ 366"/>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68" name="テキスト ボックス 367"/>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69" name="直線コネクタ 368"/>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0"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115570</xdr:rowOff>
    </xdr:from>
    <xdr:to>
      <xdr:col>81</xdr:col>
      <xdr:colOff>44450</xdr:colOff>
      <xdr:row>45</xdr:row>
      <xdr:rowOff>90170</xdr:rowOff>
    </xdr:to>
    <xdr:cxnSp macro="">
      <xdr:nvCxnSpPr>
        <xdr:cNvPr id="371" name="直線コネクタ 370"/>
        <xdr:cNvCxnSpPr/>
      </xdr:nvCxnSpPr>
      <xdr:spPr>
        <a:xfrm flipV="1">
          <a:off x="17018000" y="6116320"/>
          <a:ext cx="0" cy="16891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62247</xdr:rowOff>
    </xdr:from>
    <xdr:ext cx="762000" cy="259045"/>
    <xdr:sp macro="" textlink="">
      <xdr:nvSpPr>
        <xdr:cNvPr id="372" name="公債費負担の状況最小値テキスト"/>
        <xdr:cNvSpPr txBox="1"/>
      </xdr:nvSpPr>
      <xdr:spPr>
        <a:xfrm>
          <a:off x="17106900" y="7777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90170</xdr:rowOff>
    </xdr:from>
    <xdr:to>
      <xdr:col>81</xdr:col>
      <xdr:colOff>133350</xdr:colOff>
      <xdr:row>45</xdr:row>
      <xdr:rowOff>90170</xdr:rowOff>
    </xdr:to>
    <xdr:cxnSp macro="">
      <xdr:nvCxnSpPr>
        <xdr:cNvPr id="373" name="直線コネクタ 372"/>
        <xdr:cNvCxnSpPr/>
      </xdr:nvCxnSpPr>
      <xdr:spPr>
        <a:xfrm>
          <a:off x="16929100" y="7805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30497</xdr:rowOff>
    </xdr:from>
    <xdr:ext cx="762000" cy="259045"/>
    <xdr:sp macro="" textlink="">
      <xdr:nvSpPr>
        <xdr:cNvPr id="374" name="公債費負担の状況最大値テキスト"/>
        <xdr:cNvSpPr txBox="1"/>
      </xdr:nvSpPr>
      <xdr:spPr>
        <a:xfrm>
          <a:off x="17106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115570</xdr:rowOff>
    </xdr:from>
    <xdr:to>
      <xdr:col>81</xdr:col>
      <xdr:colOff>133350</xdr:colOff>
      <xdr:row>35</xdr:row>
      <xdr:rowOff>115570</xdr:rowOff>
    </xdr:to>
    <xdr:cxnSp macro="">
      <xdr:nvCxnSpPr>
        <xdr:cNvPr id="375" name="直線コネクタ 374"/>
        <xdr:cNvCxnSpPr/>
      </xdr:nvCxnSpPr>
      <xdr:spPr>
        <a:xfrm>
          <a:off x="16929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24714</xdr:rowOff>
    </xdr:from>
    <xdr:to>
      <xdr:col>81</xdr:col>
      <xdr:colOff>44450</xdr:colOff>
      <xdr:row>40</xdr:row>
      <xdr:rowOff>127000</xdr:rowOff>
    </xdr:to>
    <xdr:cxnSp macro="">
      <xdr:nvCxnSpPr>
        <xdr:cNvPr id="376" name="直線コネクタ 375"/>
        <xdr:cNvCxnSpPr/>
      </xdr:nvCxnSpPr>
      <xdr:spPr>
        <a:xfrm flipV="1">
          <a:off x="16179800" y="6811264"/>
          <a:ext cx="838200" cy="17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3555</xdr:rowOff>
    </xdr:from>
    <xdr:ext cx="762000" cy="259045"/>
    <xdr:sp macro="" textlink="">
      <xdr:nvSpPr>
        <xdr:cNvPr id="377" name="公債費負担の状況平均値テキスト"/>
        <xdr:cNvSpPr txBox="1"/>
      </xdr:nvSpPr>
      <xdr:spPr>
        <a:xfrm>
          <a:off x="17106900" y="68001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1478</xdr:rowOff>
    </xdr:from>
    <xdr:to>
      <xdr:col>81</xdr:col>
      <xdr:colOff>95250</xdr:colOff>
      <xdr:row>40</xdr:row>
      <xdr:rowOff>71628</xdr:rowOff>
    </xdr:to>
    <xdr:sp macro="" textlink="">
      <xdr:nvSpPr>
        <xdr:cNvPr id="378" name="フローチャート: 判断 377"/>
        <xdr:cNvSpPr/>
      </xdr:nvSpPr>
      <xdr:spPr>
        <a:xfrm>
          <a:off x="16967200" y="682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27000</xdr:rowOff>
    </xdr:from>
    <xdr:to>
      <xdr:col>77</xdr:col>
      <xdr:colOff>44450</xdr:colOff>
      <xdr:row>40</xdr:row>
      <xdr:rowOff>165608</xdr:rowOff>
    </xdr:to>
    <xdr:cxnSp macro="">
      <xdr:nvCxnSpPr>
        <xdr:cNvPr id="379" name="直線コネクタ 378"/>
        <xdr:cNvCxnSpPr/>
      </xdr:nvCxnSpPr>
      <xdr:spPr>
        <a:xfrm flipV="1">
          <a:off x="15290800" y="6985000"/>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60782</xdr:rowOff>
    </xdr:from>
    <xdr:to>
      <xdr:col>77</xdr:col>
      <xdr:colOff>95250</xdr:colOff>
      <xdr:row>40</xdr:row>
      <xdr:rowOff>90932</xdr:rowOff>
    </xdr:to>
    <xdr:sp macro="" textlink="">
      <xdr:nvSpPr>
        <xdr:cNvPr id="380" name="フローチャート: 判断 379"/>
        <xdr:cNvSpPr/>
      </xdr:nvSpPr>
      <xdr:spPr>
        <a:xfrm>
          <a:off x="16129000" y="6847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01109</xdr:rowOff>
    </xdr:from>
    <xdr:ext cx="736600" cy="259045"/>
    <xdr:sp macro="" textlink="">
      <xdr:nvSpPr>
        <xdr:cNvPr id="381" name="テキスト ボックス 380"/>
        <xdr:cNvSpPr txBox="1"/>
      </xdr:nvSpPr>
      <xdr:spPr>
        <a:xfrm>
          <a:off x="15798800" y="66162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65608</xdr:rowOff>
    </xdr:from>
    <xdr:to>
      <xdr:col>72</xdr:col>
      <xdr:colOff>203200</xdr:colOff>
      <xdr:row>41</xdr:row>
      <xdr:rowOff>3810</xdr:rowOff>
    </xdr:to>
    <xdr:cxnSp macro="">
      <xdr:nvCxnSpPr>
        <xdr:cNvPr id="382" name="直線コネクタ 381"/>
        <xdr:cNvCxnSpPr/>
      </xdr:nvCxnSpPr>
      <xdr:spPr>
        <a:xfrm flipV="1">
          <a:off x="14401800" y="7023608"/>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8288</xdr:rowOff>
    </xdr:from>
    <xdr:to>
      <xdr:col>73</xdr:col>
      <xdr:colOff>44450</xdr:colOff>
      <xdr:row>40</xdr:row>
      <xdr:rowOff>119888</xdr:rowOff>
    </xdr:to>
    <xdr:sp macro="" textlink="">
      <xdr:nvSpPr>
        <xdr:cNvPr id="383" name="フローチャート: 判断 382"/>
        <xdr:cNvSpPr/>
      </xdr:nvSpPr>
      <xdr:spPr>
        <a:xfrm>
          <a:off x="15240000" y="6876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30065</xdr:rowOff>
    </xdr:from>
    <xdr:ext cx="762000" cy="259045"/>
    <xdr:sp macro="" textlink="">
      <xdr:nvSpPr>
        <xdr:cNvPr id="384" name="テキスト ボックス 383"/>
        <xdr:cNvSpPr txBox="1"/>
      </xdr:nvSpPr>
      <xdr:spPr>
        <a:xfrm>
          <a:off x="14909800" y="6645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98044</xdr:rowOff>
    </xdr:from>
    <xdr:to>
      <xdr:col>68</xdr:col>
      <xdr:colOff>152400</xdr:colOff>
      <xdr:row>41</xdr:row>
      <xdr:rowOff>3810</xdr:rowOff>
    </xdr:to>
    <xdr:cxnSp macro="">
      <xdr:nvCxnSpPr>
        <xdr:cNvPr id="385" name="直線コネクタ 384"/>
        <xdr:cNvCxnSpPr/>
      </xdr:nvCxnSpPr>
      <xdr:spPr>
        <a:xfrm>
          <a:off x="13512800" y="6956044"/>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7244</xdr:rowOff>
    </xdr:from>
    <xdr:to>
      <xdr:col>68</xdr:col>
      <xdr:colOff>203200</xdr:colOff>
      <xdr:row>40</xdr:row>
      <xdr:rowOff>148844</xdr:rowOff>
    </xdr:to>
    <xdr:sp macro="" textlink="">
      <xdr:nvSpPr>
        <xdr:cNvPr id="386" name="フローチャート: 判断 385"/>
        <xdr:cNvSpPr/>
      </xdr:nvSpPr>
      <xdr:spPr>
        <a:xfrm>
          <a:off x="14351000" y="690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59021</xdr:rowOff>
    </xdr:from>
    <xdr:ext cx="762000" cy="259045"/>
    <xdr:sp macro="" textlink="">
      <xdr:nvSpPr>
        <xdr:cNvPr id="387" name="テキスト ボックス 386"/>
        <xdr:cNvSpPr txBox="1"/>
      </xdr:nvSpPr>
      <xdr:spPr>
        <a:xfrm>
          <a:off x="14020800" y="667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88" name="フローチャート: 判断 387"/>
        <xdr:cNvSpPr/>
      </xdr:nvSpPr>
      <xdr:spPr>
        <a:xfrm>
          <a:off x="13462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389" name="テキスト ボックス 388"/>
        <xdr:cNvSpPr txBox="1"/>
      </xdr:nvSpPr>
      <xdr:spPr>
        <a:xfrm>
          <a:off x="13131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0" name="テキスト ボックス 389"/>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1" name="テキスト ボックス 390"/>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2" name="テキスト ボックス 391"/>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3" name="テキスト ボックス 392"/>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4" name="テキスト ボックス 393"/>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73914</xdr:rowOff>
    </xdr:from>
    <xdr:to>
      <xdr:col>81</xdr:col>
      <xdr:colOff>95250</xdr:colOff>
      <xdr:row>40</xdr:row>
      <xdr:rowOff>4064</xdr:rowOff>
    </xdr:to>
    <xdr:sp macro="" textlink="">
      <xdr:nvSpPr>
        <xdr:cNvPr id="395" name="楕円 394"/>
        <xdr:cNvSpPr/>
      </xdr:nvSpPr>
      <xdr:spPr>
        <a:xfrm>
          <a:off x="16967200" y="676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90441</xdr:rowOff>
    </xdr:from>
    <xdr:ext cx="762000" cy="259045"/>
    <xdr:sp macro="" textlink="">
      <xdr:nvSpPr>
        <xdr:cNvPr id="396" name="公債費負担の状況該当値テキスト"/>
        <xdr:cNvSpPr txBox="1"/>
      </xdr:nvSpPr>
      <xdr:spPr>
        <a:xfrm>
          <a:off x="17106900" y="6605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76200</xdr:rowOff>
    </xdr:from>
    <xdr:to>
      <xdr:col>77</xdr:col>
      <xdr:colOff>95250</xdr:colOff>
      <xdr:row>41</xdr:row>
      <xdr:rowOff>6350</xdr:rowOff>
    </xdr:to>
    <xdr:sp macro="" textlink="">
      <xdr:nvSpPr>
        <xdr:cNvPr id="397" name="楕円 396"/>
        <xdr:cNvSpPr/>
      </xdr:nvSpPr>
      <xdr:spPr>
        <a:xfrm>
          <a:off x="16129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98" name="テキスト ボックス 397"/>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14808</xdr:rowOff>
    </xdr:from>
    <xdr:to>
      <xdr:col>73</xdr:col>
      <xdr:colOff>44450</xdr:colOff>
      <xdr:row>41</xdr:row>
      <xdr:rowOff>44958</xdr:rowOff>
    </xdr:to>
    <xdr:sp macro="" textlink="">
      <xdr:nvSpPr>
        <xdr:cNvPr id="399" name="楕円 398"/>
        <xdr:cNvSpPr/>
      </xdr:nvSpPr>
      <xdr:spPr>
        <a:xfrm>
          <a:off x="15240000" y="6972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29735</xdr:rowOff>
    </xdr:from>
    <xdr:ext cx="762000" cy="259045"/>
    <xdr:sp macro="" textlink="">
      <xdr:nvSpPr>
        <xdr:cNvPr id="400" name="テキスト ボックス 399"/>
        <xdr:cNvSpPr txBox="1"/>
      </xdr:nvSpPr>
      <xdr:spPr>
        <a:xfrm>
          <a:off x="14909800" y="7059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24460</xdr:rowOff>
    </xdr:from>
    <xdr:to>
      <xdr:col>68</xdr:col>
      <xdr:colOff>203200</xdr:colOff>
      <xdr:row>41</xdr:row>
      <xdr:rowOff>54610</xdr:rowOff>
    </xdr:to>
    <xdr:sp macro="" textlink="">
      <xdr:nvSpPr>
        <xdr:cNvPr id="401" name="楕円 400"/>
        <xdr:cNvSpPr/>
      </xdr:nvSpPr>
      <xdr:spPr>
        <a:xfrm>
          <a:off x="143510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39387</xdr:rowOff>
    </xdr:from>
    <xdr:ext cx="762000" cy="259045"/>
    <xdr:sp macro="" textlink="">
      <xdr:nvSpPr>
        <xdr:cNvPr id="402" name="テキスト ボックス 401"/>
        <xdr:cNvSpPr txBox="1"/>
      </xdr:nvSpPr>
      <xdr:spPr>
        <a:xfrm>
          <a:off x="14020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47244</xdr:rowOff>
    </xdr:from>
    <xdr:to>
      <xdr:col>64</xdr:col>
      <xdr:colOff>152400</xdr:colOff>
      <xdr:row>40</xdr:row>
      <xdr:rowOff>148844</xdr:rowOff>
    </xdr:to>
    <xdr:sp macro="" textlink="">
      <xdr:nvSpPr>
        <xdr:cNvPr id="403" name="楕円 402"/>
        <xdr:cNvSpPr/>
      </xdr:nvSpPr>
      <xdr:spPr>
        <a:xfrm>
          <a:off x="13462000" y="690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59021</xdr:rowOff>
    </xdr:from>
    <xdr:ext cx="762000" cy="259045"/>
    <xdr:sp macro="" textlink="">
      <xdr:nvSpPr>
        <xdr:cNvPr id="404" name="テキスト ボックス 403"/>
        <xdr:cNvSpPr txBox="1"/>
      </xdr:nvSpPr>
      <xdr:spPr>
        <a:xfrm>
          <a:off x="13131800" y="667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5" name="正方形/長方形 404"/>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6" name="テキスト ボックス 405"/>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7" name="テキスト ボックス 406"/>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8" name="正方形/長方形 407"/>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9" name="正方形/長方形 408"/>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0" name="正方形/長方形 409"/>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1" name="正方形/長方形 410"/>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2" name="正方形/長方形 411"/>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3" name="正方形/長方形 412"/>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4" name="正方形/長方形 413"/>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5" name="正方形/長方形 414"/>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6" name="正方形/長方形 415"/>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7" name="テキスト ボックス 416"/>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mj-ea"/>
              <a:ea typeface="+mj-ea"/>
            </a:rPr>
            <a:t>　</a:t>
          </a:r>
          <a:r>
            <a:rPr kumimoji="1" lang="ja-JP" altLang="en-US" sz="1100">
              <a:latin typeface="+mn-ea"/>
              <a:ea typeface="+mn-ea"/>
            </a:rPr>
            <a:t>令和２年度は下水道事業等の起債残高の減少に伴う公営企業債等繰入見込額の減や消防本部庁舎建設事業の完了、臨時財政対策債の発行額が償還額よりも低かったことによる地方債の現在高の減などにより、前年度に比べて</a:t>
          </a:r>
          <a:r>
            <a:rPr kumimoji="1" lang="en-US" altLang="ja-JP" sz="1100">
              <a:latin typeface="+mn-ea"/>
              <a:ea typeface="+mn-ea"/>
            </a:rPr>
            <a:t>19.9</a:t>
          </a:r>
          <a:r>
            <a:rPr kumimoji="1" lang="ja-JP" altLang="en-US" sz="1100">
              <a:latin typeface="+mn-ea"/>
              <a:ea typeface="+mn-ea"/>
            </a:rPr>
            <a:t>ポイント減となった。</a:t>
          </a:r>
          <a:endParaRPr kumimoji="1" lang="en-US" altLang="ja-JP" sz="1100">
            <a:latin typeface="+mn-ea"/>
            <a:ea typeface="+mn-ea"/>
          </a:endParaRPr>
        </a:p>
        <a:p>
          <a:r>
            <a:rPr kumimoji="1" lang="ja-JP" altLang="en-US" sz="1100">
              <a:solidFill>
                <a:schemeClr val="dk1"/>
              </a:solidFill>
              <a:effectLst/>
              <a:latin typeface="+mn-ea"/>
              <a:ea typeface="+mn-ea"/>
              <a:cs typeface="+mn-cs"/>
            </a:rPr>
            <a:t>　</a:t>
          </a:r>
          <a:r>
            <a:rPr kumimoji="1" lang="ja-JP" altLang="ja-JP" sz="1100">
              <a:solidFill>
                <a:schemeClr val="dk1"/>
              </a:solidFill>
              <a:effectLst/>
              <a:latin typeface="+mn-ea"/>
              <a:ea typeface="+mn-ea"/>
              <a:cs typeface="+mn-cs"/>
            </a:rPr>
            <a:t>今後も借入抑制の取り組みを継続し地方債残高及び将来負担比率の上昇を抑えるよう努める。</a:t>
          </a:r>
          <a:endParaRPr kumimoji="1" lang="ja-JP" altLang="en-US" sz="1100">
            <a:latin typeface="+mn-ea"/>
            <a:ea typeface="+mn-ea"/>
          </a:endParaRPr>
        </a:p>
      </xdr:txBody>
    </xdr:sp>
    <xdr:clientData/>
  </xdr:twoCellAnchor>
  <xdr:oneCellAnchor>
    <xdr:from>
      <xdr:col>61</xdr:col>
      <xdr:colOff>6350</xdr:colOff>
      <xdr:row>10</xdr:row>
      <xdr:rowOff>63500</xdr:rowOff>
    </xdr:from>
    <xdr:ext cx="298543" cy="225703"/>
    <xdr:sp macro="" textlink="">
      <xdr:nvSpPr>
        <xdr:cNvPr id="418" name="テキスト ボックス 417"/>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9" name="直線コネクタ 418"/>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0" name="テキスト ボックス 419"/>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1" name="直線コネクタ 420"/>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2" name="テキスト ボックス 421"/>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3" name="直線コネクタ 422"/>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4" name="テキスト ボックス 423"/>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5" name="直線コネクタ 424"/>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6" name="テキスト ボックス 425"/>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7" name="直線コネクタ 426"/>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8" name="テキスト ボックス 427"/>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9" name="直線コネクタ 428"/>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0" name="テキスト ボックス 429"/>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44154</xdr:rowOff>
    </xdr:to>
    <xdr:cxnSp macro="">
      <xdr:nvCxnSpPr>
        <xdr:cNvPr id="433" name="直線コネクタ 432"/>
        <xdr:cNvCxnSpPr/>
      </xdr:nvCxnSpPr>
      <xdr:spPr>
        <a:xfrm flipV="1">
          <a:off x="17018000" y="2370667"/>
          <a:ext cx="0" cy="144538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6231</xdr:rowOff>
    </xdr:from>
    <xdr:ext cx="762000" cy="259045"/>
    <xdr:sp macro="" textlink="">
      <xdr:nvSpPr>
        <xdr:cNvPr id="434" name="将来負担の状況最小値テキスト"/>
        <xdr:cNvSpPr txBox="1"/>
      </xdr:nvSpPr>
      <xdr:spPr>
        <a:xfrm>
          <a:off x="17106900" y="3788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44154</xdr:rowOff>
    </xdr:from>
    <xdr:to>
      <xdr:col>81</xdr:col>
      <xdr:colOff>133350</xdr:colOff>
      <xdr:row>22</xdr:row>
      <xdr:rowOff>44154</xdr:rowOff>
    </xdr:to>
    <xdr:cxnSp macro="">
      <xdr:nvCxnSpPr>
        <xdr:cNvPr id="435" name="直線コネクタ 434"/>
        <xdr:cNvCxnSpPr/>
      </xdr:nvCxnSpPr>
      <xdr:spPr>
        <a:xfrm>
          <a:off x="16929100" y="3816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36"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7" name="直線コネクタ 436"/>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31369</xdr:rowOff>
    </xdr:from>
    <xdr:to>
      <xdr:col>81</xdr:col>
      <xdr:colOff>44450</xdr:colOff>
      <xdr:row>16</xdr:row>
      <xdr:rowOff>19981</xdr:rowOff>
    </xdr:to>
    <xdr:cxnSp macro="">
      <xdr:nvCxnSpPr>
        <xdr:cNvPr id="438" name="直線コネクタ 437"/>
        <xdr:cNvCxnSpPr/>
      </xdr:nvCxnSpPr>
      <xdr:spPr>
        <a:xfrm flipV="1">
          <a:off x="16179800" y="2603119"/>
          <a:ext cx="838200" cy="160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37981</xdr:rowOff>
    </xdr:from>
    <xdr:ext cx="762000" cy="259045"/>
    <xdr:sp macro="" textlink="">
      <xdr:nvSpPr>
        <xdr:cNvPr id="439" name="将来負担の状況平均値テキスト"/>
        <xdr:cNvSpPr txBox="1"/>
      </xdr:nvSpPr>
      <xdr:spPr>
        <a:xfrm>
          <a:off x="17106900" y="23668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1454</xdr:rowOff>
    </xdr:from>
    <xdr:to>
      <xdr:col>81</xdr:col>
      <xdr:colOff>95250</xdr:colOff>
      <xdr:row>15</xdr:row>
      <xdr:rowOff>51604</xdr:rowOff>
    </xdr:to>
    <xdr:sp macro="" textlink="">
      <xdr:nvSpPr>
        <xdr:cNvPr id="440" name="フローチャート: 判断 439"/>
        <xdr:cNvSpPr/>
      </xdr:nvSpPr>
      <xdr:spPr>
        <a:xfrm>
          <a:off x="16967200" y="2521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9981</xdr:rowOff>
    </xdr:from>
    <xdr:to>
      <xdr:col>77</xdr:col>
      <xdr:colOff>44450</xdr:colOff>
      <xdr:row>16</xdr:row>
      <xdr:rowOff>73067</xdr:rowOff>
    </xdr:to>
    <xdr:cxnSp macro="">
      <xdr:nvCxnSpPr>
        <xdr:cNvPr id="441" name="直線コネクタ 440"/>
        <xdr:cNvCxnSpPr/>
      </xdr:nvCxnSpPr>
      <xdr:spPr>
        <a:xfrm flipV="1">
          <a:off x="15290800" y="2763181"/>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24672</xdr:rowOff>
    </xdr:from>
    <xdr:to>
      <xdr:col>77</xdr:col>
      <xdr:colOff>95250</xdr:colOff>
      <xdr:row>15</xdr:row>
      <xdr:rowOff>54822</xdr:rowOff>
    </xdr:to>
    <xdr:sp macro="" textlink="">
      <xdr:nvSpPr>
        <xdr:cNvPr id="442" name="フローチャート: 判断 441"/>
        <xdr:cNvSpPr/>
      </xdr:nvSpPr>
      <xdr:spPr>
        <a:xfrm>
          <a:off x="16129000" y="2524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64999</xdr:rowOff>
    </xdr:from>
    <xdr:ext cx="736600" cy="259045"/>
    <xdr:sp macro="" textlink="">
      <xdr:nvSpPr>
        <xdr:cNvPr id="443" name="テキスト ボックス 442"/>
        <xdr:cNvSpPr txBox="1"/>
      </xdr:nvSpPr>
      <xdr:spPr>
        <a:xfrm>
          <a:off x="15798800" y="2293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52959</xdr:rowOff>
    </xdr:from>
    <xdr:to>
      <xdr:col>72</xdr:col>
      <xdr:colOff>203200</xdr:colOff>
      <xdr:row>16</xdr:row>
      <xdr:rowOff>73067</xdr:rowOff>
    </xdr:to>
    <xdr:cxnSp macro="">
      <xdr:nvCxnSpPr>
        <xdr:cNvPr id="444" name="直線コネクタ 443"/>
        <xdr:cNvCxnSpPr/>
      </xdr:nvCxnSpPr>
      <xdr:spPr>
        <a:xfrm>
          <a:off x="14401800" y="2796159"/>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23063</xdr:rowOff>
    </xdr:from>
    <xdr:to>
      <xdr:col>73</xdr:col>
      <xdr:colOff>44450</xdr:colOff>
      <xdr:row>15</xdr:row>
      <xdr:rowOff>53213</xdr:rowOff>
    </xdr:to>
    <xdr:sp macro="" textlink="">
      <xdr:nvSpPr>
        <xdr:cNvPr id="445" name="フローチャート: 判断 444"/>
        <xdr:cNvSpPr/>
      </xdr:nvSpPr>
      <xdr:spPr>
        <a:xfrm>
          <a:off x="15240000" y="2523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63390</xdr:rowOff>
    </xdr:from>
    <xdr:ext cx="762000" cy="259045"/>
    <xdr:sp macro="" textlink="">
      <xdr:nvSpPr>
        <xdr:cNvPr id="446" name="テキスト ボックス 445"/>
        <xdr:cNvSpPr txBox="1"/>
      </xdr:nvSpPr>
      <xdr:spPr>
        <a:xfrm>
          <a:off x="14909800" y="229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68910</xdr:rowOff>
    </xdr:from>
    <xdr:to>
      <xdr:col>68</xdr:col>
      <xdr:colOff>152400</xdr:colOff>
      <xdr:row>16</xdr:row>
      <xdr:rowOff>52959</xdr:rowOff>
    </xdr:to>
    <xdr:cxnSp macro="">
      <xdr:nvCxnSpPr>
        <xdr:cNvPr id="447" name="直線コネクタ 446"/>
        <xdr:cNvCxnSpPr/>
      </xdr:nvCxnSpPr>
      <xdr:spPr>
        <a:xfrm>
          <a:off x="13512800" y="2740660"/>
          <a:ext cx="889000" cy="55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71323</xdr:rowOff>
    </xdr:from>
    <xdr:to>
      <xdr:col>68</xdr:col>
      <xdr:colOff>203200</xdr:colOff>
      <xdr:row>15</xdr:row>
      <xdr:rowOff>101473</xdr:rowOff>
    </xdr:to>
    <xdr:sp macro="" textlink="">
      <xdr:nvSpPr>
        <xdr:cNvPr id="448" name="フローチャート: 判断 447"/>
        <xdr:cNvSpPr/>
      </xdr:nvSpPr>
      <xdr:spPr>
        <a:xfrm>
          <a:off x="14351000" y="2571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11650</xdr:rowOff>
    </xdr:from>
    <xdr:ext cx="762000" cy="259045"/>
    <xdr:sp macro="" textlink="">
      <xdr:nvSpPr>
        <xdr:cNvPr id="449" name="テキスト ボックス 448"/>
        <xdr:cNvSpPr txBox="1"/>
      </xdr:nvSpPr>
      <xdr:spPr>
        <a:xfrm>
          <a:off x="14020800" y="23405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4351</xdr:rowOff>
    </xdr:from>
    <xdr:to>
      <xdr:col>64</xdr:col>
      <xdr:colOff>152400</xdr:colOff>
      <xdr:row>15</xdr:row>
      <xdr:rowOff>115951</xdr:rowOff>
    </xdr:to>
    <xdr:sp macro="" textlink="">
      <xdr:nvSpPr>
        <xdr:cNvPr id="450" name="フローチャート: 判断 449"/>
        <xdr:cNvSpPr/>
      </xdr:nvSpPr>
      <xdr:spPr>
        <a:xfrm>
          <a:off x="13462000" y="2586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26128</xdr:rowOff>
    </xdr:from>
    <xdr:ext cx="762000" cy="259045"/>
    <xdr:sp macro="" textlink="">
      <xdr:nvSpPr>
        <xdr:cNvPr id="451" name="テキスト ボックス 450"/>
        <xdr:cNvSpPr txBox="1"/>
      </xdr:nvSpPr>
      <xdr:spPr>
        <a:xfrm>
          <a:off x="13131800" y="23549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2" name="テキスト ボックス 451"/>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3" name="テキスト ボックス 452"/>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4" name="テキスト ボックス 453"/>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5" name="テキスト ボックス 454"/>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6" name="テキスト ボックス 455"/>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52019</xdr:rowOff>
    </xdr:from>
    <xdr:to>
      <xdr:col>81</xdr:col>
      <xdr:colOff>95250</xdr:colOff>
      <xdr:row>15</xdr:row>
      <xdr:rowOff>82169</xdr:rowOff>
    </xdr:to>
    <xdr:sp macro="" textlink="">
      <xdr:nvSpPr>
        <xdr:cNvPr id="457" name="楕円 456"/>
        <xdr:cNvSpPr/>
      </xdr:nvSpPr>
      <xdr:spPr>
        <a:xfrm>
          <a:off x="16967200" y="2552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124096</xdr:rowOff>
    </xdr:from>
    <xdr:ext cx="762000" cy="259045"/>
    <xdr:sp macro="" textlink="">
      <xdr:nvSpPr>
        <xdr:cNvPr id="458" name="将来負担の状況該当値テキスト"/>
        <xdr:cNvSpPr txBox="1"/>
      </xdr:nvSpPr>
      <xdr:spPr>
        <a:xfrm>
          <a:off x="17106900" y="2524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40631</xdr:rowOff>
    </xdr:from>
    <xdr:to>
      <xdr:col>77</xdr:col>
      <xdr:colOff>95250</xdr:colOff>
      <xdr:row>16</xdr:row>
      <xdr:rowOff>70781</xdr:rowOff>
    </xdr:to>
    <xdr:sp macro="" textlink="">
      <xdr:nvSpPr>
        <xdr:cNvPr id="459" name="楕円 458"/>
        <xdr:cNvSpPr/>
      </xdr:nvSpPr>
      <xdr:spPr>
        <a:xfrm>
          <a:off x="16129000" y="2712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55558</xdr:rowOff>
    </xdr:from>
    <xdr:ext cx="736600" cy="259045"/>
    <xdr:sp macro="" textlink="">
      <xdr:nvSpPr>
        <xdr:cNvPr id="460" name="テキスト ボックス 459"/>
        <xdr:cNvSpPr txBox="1"/>
      </xdr:nvSpPr>
      <xdr:spPr>
        <a:xfrm>
          <a:off x="15798800" y="27987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22267</xdr:rowOff>
    </xdr:from>
    <xdr:to>
      <xdr:col>73</xdr:col>
      <xdr:colOff>44450</xdr:colOff>
      <xdr:row>16</xdr:row>
      <xdr:rowOff>123867</xdr:rowOff>
    </xdr:to>
    <xdr:sp macro="" textlink="">
      <xdr:nvSpPr>
        <xdr:cNvPr id="461" name="楕円 460"/>
        <xdr:cNvSpPr/>
      </xdr:nvSpPr>
      <xdr:spPr>
        <a:xfrm>
          <a:off x="15240000" y="2765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08644</xdr:rowOff>
    </xdr:from>
    <xdr:ext cx="762000" cy="259045"/>
    <xdr:sp macro="" textlink="">
      <xdr:nvSpPr>
        <xdr:cNvPr id="462" name="テキスト ボックス 461"/>
        <xdr:cNvSpPr txBox="1"/>
      </xdr:nvSpPr>
      <xdr:spPr>
        <a:xfrm>
          <a:off x="14909800" y="2851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2159</xdr:rowOff>
    </xdr:from>
    <xdr:to>
      <xdr:col>68</xdr:col>
      <xdr:colOff>203200</xdr:colOff>
      <xdr:row>16</xdr:row>
      <xdr:rowOff>103759</xdr:rowOff>
    </xdr:to>
    <xdr:sp macro="" textlink="">
      <xdr:nvSpPr>
        <xdr:cNvPr id="463" name="楕円 462"/>
        <xdr:cNvSpPr/>
      </xdr:nvSpPr>
      <xdr:spPr>
        <a:xfrm>
          <a:off x="14351000" y="2745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88536</xdr:rowOff>
    </xdr:from>
    <xdr:ext cx="762000" cy="259045"/>
    <xdr:sp macro="" textlink="">
      <xdr:nvSpPr>
        <xdr:cNvPr id="464" name="テキスト ボックス 463"/>
        <xdr:cNvSpPr txBox="1"/>
      </xdr:nvSpPr>
      <xdr:spPr>
        <a:xfrm>
          <a:off x="14020800" y="28317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18110</xdr:rowOff>
    </xdr:from>
    <xdr:to>
      <xdr:col>64</xdr:col>
      <xdr:colOff>152400</xdr:colOff>
      <xdr:row>16</xdr:row>
      <xdr:rowOff>48260</xdr:rowOff>
    </xdr:to>
    <xdr:sp macro="" textlink="">
      <xdr:nvSpPr>
        <xdr:cNvPr id="465" name="楕円 464"/>
        <xdr:cNvSpPr/>
      </xdr:nvSpPr>
      <xdr:spPr>
        <a:xfrm>
          <a:off x="13462000" y="268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33037</xdr:rowOff>
    </xdr:from>
    <xdr:ext cx="762000" cy="259045"/>
    <xdr:sp macro="" textlink="">
      <xdr:nvSpPr>
        <xdr:cNvPr id="466" name="テキスト ボックス 465"/>
        <xdr:cNvSpPr txBox="1"/>
      </xdr:nvSpPr>
      <xdr:spPr>
        <a:xfrm>
          <a:off x="13131800" y="277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86
80,728
22.14
38,741,486
37,050,872
1,129,343
16,618,470
15,880,5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2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人件費割合が類似団体平均を上回っている要因として、ごみ収集事業等で直営が残っていることや、高年齢職員が多いことにより給与水準（ラスパイレス指数）が類似団体平均を上回っていることが挙げられる。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会計年度任用職員制度の導入等</a:t>
          </a:r>
          <a:r>
            <a:rPr kumimoji="1" lang="ja-JP" altLang="ja-JP" sz="1100">
              <a:solidFill>
                <a:schemeClr val="dk1"/>
              </a:solidFill>
              <a:effectLst/>
              <a:latin typeface="+mn-lt"/>
              <a:ea typeface="+mn-ea"/>
              <a:cs typeface="+mn-cs"/>
            </a:rPr>
            <a:t>で、前年度に比べ</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千万円、</a:t>
          </a:r>
          <a:r>
            <a:rPr kumimoji="1" lang="en-US" altLang="ja-JP" sz="1100">
              <a:solidFill>
                <a:schemeClr val="dk1"/>
              </a:solidFill>
              <a:effectLst/>
              <a:latin typeface="+mn-lt"/>
              <a:ea typeface="+mn-ea"/>
              <a:cs typeface="+mn-cs"/>
            </a:rPr>
            <a:t>3.4</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となっ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今後</a:t>
          </a:r>
          <a:r>
            <a:rPr kumimoji="1" lang="ja-JP" altLang="en-US" sz="1100">
              <a:solidFill>
                <a:schemeClr val="dk1"/>
              </a:solidFill>
              <a:effectLst/>
              <a:latin typeface="+mn-lt"/>
              <a:ea typeface="+mn-ea"/>
              <a:cs typeface="+mn-cs"/>
            </a:rPr>
            <a:t>については</a:t>
          </a:r>
          <a:r>
            <a:rPr kumimoji="1" lang="ja-JP" altLang="ja-JP" sz="1100">
              <a:solidFill>
                <a:schemeClr val="dk1"/>
              </a:solidFill>
              <a:effectLst/>
              <a:latin typeface="+mn-lt"/>
              <a:ea typeface="+mn-ea"/>
              <a:cs typeface="+mn-cs"/>
            </a:rPr>
            <a:t>業務の民間委託や再任用職員の知識・経験の活用などによる効率的な運営に努め、人件費の抑制を図る。</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13284</xdr:rowOff>
    </xdr:from>
    <xdr:to>
      <xdr:col>24</xdr:col>
      <xdr:colOff>25400</xdr:colOff>
      <xdr:row>41</xdr:row>
      <xdr:rowOff>124714</xdr:rowOff>
    </xdr:to>
    <xdr:cxnSp macro="">
      <xdr:nvCxnSpPr>
        <xdr:cNvPr id="59" name="直線コネクタ 58"/>
        <xdr:cNvCxnSpPr/>
      </xdr:nvCxnSpPr>
      <xdr:spPr>
        <a:xfrm flipV="1">
          <a:off x="4826000" y="5599684"/>
          <a:ext cx="0" cy="1554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6791</xdr:rowOff>
    </xdr:from>
    <xdr:ext cx="762000" cy="259045"/>
    <xdr:sp macro="" textlink="">
      <xdr:nvSpPr>
        <xdr:cNvPr id="60" name="人件費最小値テキスト"/>
        <xdr:cNvSpPr txBox="1"/>
      </xdr:nvSpPr>
      <xdr:spPr>
        <a:xfrm>
          <a:off x="4914900" y="7126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24714</xdr:rowOff>
    </xdr:from>
    <xdr:to>
      <xdr:col>24</xdr:col>
      <xdr:colOff>114300</xdr:colOff>
      <xdr:row>41</xdr:row>
      <xdr:rowOff>124714</xdr:rowOff>
    </xdr:to>
    <xdr:cxnSp macro="">
      <xdr:nvCxnSpPr>
        <xdr:cNvPr id="61" name="直線コネクタ 60"/>
        <xdr:cNvCxnSpPr/>
      </xdr:nvCxnSpPr>
      <xdr:spPr>
        <a:xfrm>
          <a:off x="4737100" y="7154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28211</xdr:rowOff>
    </xdr:from>
    <xdr:ext cx="762000" cy="259045"/>
    <xdr:sp macro="" textlink="">
      <xdr:nvSpPr>
        <xdr:cNvPr id="62" name="人件費最大値テキスト"/>
        <xdr:cNvSpPr txBox="1"/>
      </xdr:nvSpPr>
      <xdr:spPr>
        <a:xfrm>
          <a:off x="4914900" y="5343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13284</xdr:rowOff>
    </xdr:from>
    <xdr:to>
      <xdr:col>24</xdr:col>
      <xdr:colOff>114300</xdr:colOff>
      <xdr:row>32</xdr:row>
      <xdr:rowOff>113284</xdr:rowOff>
    </xdr:to>
    <xdr:cxnSp macro="">
      <xdr:nvCxnSpPr>
        <xdr:cNvPr id="63" name="直線コネクタ 62"/>
        <xdr:cNvCxnSpPr/>
      </xdr:nvCxnSpPr>
      <xdr:spPr>
        <a:xfrm>
          <a:off x="4737100" y="5599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7272</xdr:rowOff>
    </xdr:from>
    <xdr:to>
      <xdr:col>24</xdr:col>
      <xdr:colOff>25400</xdr:colOff>
      <xdr:row>39</xdr:row>
      <xdr:rowOff>156718</xdr:rowOff>
    </xdr:to>
    <xdr:cxnSp macro="">
      <xdr:nvCxnSpPr>
        <xdr:cNvPr id="64" name="直線コネクタ 63"/>
        <xdr:cNvCxnSpPr/>
      </xdr:nvCxnSpPr>
      <xdr:spPr>
        <a:xfrm>
          <a:off x="3987800" y="6532372"/>
          <a:ext cx="838200" cy="310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8165</xdr:rowOff>
    </xdr:from>
    <xdr:ext cx="762000" cy="259045"/>
    <xdr:sp macro="" textlink="">
      <xdr:nvSpPr>
        <xdr:cNvPr id="65" name="人件費平均値テキスト"/>
        <xdr:cNvSpPr txBox="1"/>
      </xdr:nvSpPr>
      <xdr:spPr>
        <a:xfrm>
          <a:off x="4914900" y="59974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51638</xdr:rowOff>
    </xdr:from>
    <xdr:to>
      <xdr:col>24</xdr:col>
      <xdr:colOff>76200</xdr:colOff>
      <xdr:row>36</xdr:row>
      <xdr:rowOff>81788</xdr:rowOff>
    </xdr:to>
    <xdr:sp macro="" textlink="">
      <xdr:nvSpPr>
        <xdr:cNvPr id="66" name="フローチャート: 判断 65"/>
        <xdr:cNvSpPr/>
      </xdr:nvSpPr>
      <xdr:spPr>
        <a:xfrm>
          <a:off x="4775200" y="6152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7272</xdr:rowOff>
    </xdr:from>
    <xdr:to>
      <xdr:col>19</xdr:col>
      <xdr:colOff>187325</xdr:colOff>
      <xdr:row>38</xdr:row>
      <xdr:rowOff>163576</xdr:rowOff>
    </xdr:to>
    <xdr:cxnSp macro="">
      <xdr:nvCxnSpPr>
        <xdr:cNvPr id="67" name="直線コネクタ 66"/>
        <xdr:cNvCxnSpPr/>
      </xdr:nvCxnSpPr>
      <xdr:spPr>
        <a:xfrm flipV="1">
          <a:off x="3098800" y="6532372"/>
          <a:ext cx="889000" cy="14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94488</xdr:rowOff>
    </xdr:from>
    <xdr:to>
      <xdr:col>20</xdr:col>
      <xdr:colOff>38100</xdr:colOff>
      <xdr:row>35</xdr:row>
      <xdr:rowOff>24638</xdr:rowOff>
    </xdr:to>
    <xdr:sp macro="" textlink="">
      <xdr:nvSpPr>
        <xdr:cNvPr id="68" name="フローチャート: 判断 67"/>
        <xdr:cNvSpPr/>
      </xdr:nvSpPr>
      <xdr:spPr>
        <a:xfrm>
          <a:off x="3937000" y="5923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34815</xdr:rowOff>
    </xdr:from>
    <xdr:ext cx="736600" cy="259045"/>
    <xdr:sp macro="" textlink="">
      <xdr:nvSpPr>
        <xdr:cNvPr id="69" name="テキスト ボックス 68"/>
        <xdr:cNvSpPr txBox="1"/>
      </xdr:nvSpPr>
      <xdr:spPr>
        <a:xfrm>
          <a:off x="3606800" y="56926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60706</xdr:rowOff>
    </xdr:from>
    <xdr:to>
      <xdr:col>15</xdr:col>
      <xdr:colOff>98425</xdr:colOff>
      <xdr:row>38</xdr:row>
      <xdr:rowOff>163576</xdr:rowOff>
    </xdr:to>
    <xdr:cxnSp macro="">
      <xdr:nvCxnSpPr>
        <xdr:cNvPr id="70" name="直線コネクタ 69"/>
        <xdr:cNvCxnSpPr/>
      </xdr:nvCxnSpPr>
      <xdr:spPr>
        <a:xfrm>
          <a:off x="2209800" y="6404356"/>
          <a:ext cx="889000" cy="274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94488</xdr:rowOff>
    </xdr:from>
    <xdr:to>
      <xdr:col>15</xdr:col>
      <xdr:colOff>149225</xdr:colOff>
      <xdr:row>35</xdr:row>
      <xdr:rowOff>24638</xdr:rowOff>
    </xdr:to>
    <xdr:sp macro="" textlink="">
      <xdr:nvSpPr>
        <xdr:cNvPr id="71" name="フローチャート: 判断 70"/>
        <xdr:cNvSpPr/>
      </xdr:nvSpPr>
      <xdr:spPr>
        <a:xfrm>
          <a:off x="3048000" y="5923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34815</xdr:rowOff>
    </xdr:from>
    <xdr:ext cx="762000" cy="259045"/>
    <xdr:sp macro="" textlink="">
      <xdr:nvSpPr>
        <xdr:cNvPr id="72" name="テキスト ボックス 71"/>
        <xdr:cNvSpPr txBox="1"/>
      </xdr:nvSpPr>
      <xdr:spPr>
        <a:xfrm>
          <a:off x="2717800" y="569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60706</xdr:rowOff>
    </xdr:from>
    <xdr:to>
      <xdr:col>11</xdr:col>
      <xdr:colOff>9525</xdr:colOff>
      <xdr:row>39</xdr:row>
      <xdr:rowOff>65278</xdr:rowOff>
    </xdr:to>
    <xdr:cxnSp macro="">
      <xdr:nvCxnSpPr>
        <xdr:cNvPr id="73" name="直線コネクタ 72"/>
        <xdr:cNvCxnSpPr/>
      </xdr:nvCxnSpPr>
      <xdr:spPr>
        <a:xfrm flipV="1">
          <a:off x="1320800" y="6404356"/>
          <a:ext cx="889000" cy="347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94488</xdr:rowOff>
    </xdr:from>
    <xdr:to>
      <xdr:col>11</xdr:col>
      <xdr:colOff>60325</xdr:colOff>
      <xdr:row>35</xdr:row>
      <xdr:rowOff>24638</xdr:rowOff>
    </xdr:to>
    <xdr:sp macro="" textlink="">
      <xdr:nvSpPr>
        <xdr:cNvPr id="74" name="フローチャート: 判断 73"/>
        <xdr:cNvSpPr/>
      </xdr:nvSpPr>
      <xdr:spPr>
        <a:xfrm>
          <a:off x="2159000" y="5923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34815</xdr:rowOff>
    </xdr:from>
    <xdr:ext cx="762000" cy="259045"/>
    <xdr:sp macro="" textlink="">
      <xdr:nvSpPr>
        <xdr:cNvPr id="75" name="テキスト ボックス 74"/>
        <xdr:cNvSpPr txBox="1"/>
      </xdr:nvSpPr>
      <xdr:spPr>
        <a:xfrm>
          <a:off x="1828800" y="569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21920</xdr:rowOff>
    </xdr:from>
    <xdr:to>
      <xdr:col>6</xdr:col>
      <xdr:colOff>171450</xdr:colOff>
      <xdr:row>35</xdr:row>
      <xdr:rowOff>52070</xdr:rowOff>
    </xdr:to>
    <xdr:sp macro="" textlink="">
      <xdr:nvSpPr>
        <xdr:cNvPr id="76" name="フローチャート: 判断 75"/>
        <xdr:cNvSpPr/>
      </xdr:nvSpPr>
      <xdr:spPr>
        <a:xfrm>
          <a:off x="1270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62247</xdr:rowOff>
    </xdr:from>
    <xdr:ext cx="762000" cy="259045"/>
    <xdr:sp macro="" textlink="">
      <xdr:nvSpPr>
        <xdr:cNvPr id="77" name="テキスト ボックス 76"/>
        <xdr:cNvSpPr txBox="1"/>
      </xdr:nvSpPr>
      <xdr:spPr>
        <a:xfrm>
          <a:off x="939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05918</xdr:rowOff>
    </xdr:from>
    <xdr:to>
      <xdr:col>24</xdr:col>
      <xdr:colOff>76200</xdr:colOff>
      <xdr:row>40</xdr:row>
      <xdr:rowOff>36068</xdr:rowOff>
    </xdr:to>
    <xdr:sp macro="" textlink="">
      <xdr:nvSpPr>
        <xdr:cNvPr id="83" name="楕円 82"/>
        <xdr:cNvSpPr/>
      </xdr:nvSpPr>
      <xdr:spPr>
        <a:xfrm>
          <a:off x="4775200" y="6792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77995</xdr:rowOff>
    </xdr:from>
    <xdr:ext cx="762000" cy="259045"/>
    <xdr:sp macro="" textlink="">
      <xdr:nvSpPr>
        <xdr:cNvPr id="84" name="人件費該当値テキスト"/>
        <xdr:cNvSpPr txBox="1"/>
      </xdr:nvSpPr>
      <xdr:spPr>
        <a:xfrm>
          <a:off x="4914900" y="676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37922</xdr:rowOff>
    </xdr:from>
    <xdr:to>
      <xdr:col>20</xdr:col>
      <xdr:colOff>38100</xdr:colOff>
      <xdr:row>38</xdr:row>
      <xdr:rowOff>68072</xdr:rowOff>
    </xdr:to>
    <xdr:sp macro="" textlink="">
      <xdr:nvSpPr>
        <xdr:cNvPr id="85" name="楕円 84"/>
        <xdr:cNvSpPr/>
      </xdr:nvSpPr>
      <xdr:spPr>
        <a:xfrm>
          <a:off x="3937000" y="6481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52849</xdr:rowOff>
    </xdr:from>
    <xdr:ext cx="736600" cy="259045"/>
    <xdr:sp macro="" textlink="">
      <xdr:nvSpPr>
        <xdr:cNvPr id="86" name="テキスト ボックス 85"/>
        <xdr:cNvSpPr txBox="1"/>
      </xdr:nvSpPr>
      <xdr:spPr>
        <a:xfrm>
          <a:off x="3606800" y="6567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12776</xdr:rowOff>
    </xdr:from>
    <xdr:to>
      <xdr:col>15</xdr:col>
      <xdr:colOff>149225</xdr:colOff>
      <xdr:row>39</xdr:row>
      <xdr:rowOff>42926</xdr:rowOff>
    </xdr:to>
    <xdr:sp macro="" textlink="">
      <xdr:nvSpPr>
        <xdr:cNvPr id="87" name="楕円 86"/>
        <xdr:cNvSpPr/>
      </xdr:nvSpPr>
      <xdr:spPr>
        <a:xfrm>
          <a:off x="3048000" y="6627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27703</xdr:rowOff>
    </xdr:from>
    <xdr:ext cx="762000" cy="259045"/>
    <xdr:sp macro="" textlink="">
      <xdr:nvSpPr>
        <xdr:cNvPr id="88" name="テキスト ボックス 87"/>
        <xdr:cNvSpPr txBox="1"/>
      </xdr:nvSpPr>
      <xdr:spPr>
        <a:xfrm>
          <a:off x="2717800" y="6714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9906</xdr:rowOff>
    </xdr:from>
    <xdr:to>
      <xdr:col>11</xdr:col>
      <xdr:colOff>60325</xdr:colOff>
      <xdr:row>37</xdr:row>
      <xdr:rowOff>111506</xdr:rowOff>
    </xdr:to>
    <xdr:sp macro="" textlink="">
      <xdr:nvSpPr>
        <xdr:cNvPr id="89" name="楕円 88"/>
        <xdr:cNvSpPr/>
      </xdr:nvSpPr>
      <xdr:spPr>
        <a:xfrm>
          <a:off x="2159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96283</xdr:rowOff>
    </xdr:from>
    <xdr:ext cx="762000" cy="259045"/>
    <xdr:sp macro="" textlink="">
      <xdr:nvSpPr>
        <xdr:cNvPr id="90" name="テキスト ボックス 89"/>
        <xdr:cNvSpPr txBox="1"/>
      </xdr:nvSpPr>
      <xdr:spPr>
        <a:xfrm>
          <a:off x="1828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4478</xdr:rowOff>
    </xdr:from>
    <xdr:to>
      <xdr:col>6</xdr:col>
      <xdr:colOff>171450</xdr:colOff>
      <xdr:row>39</xdr:row>
      <xdr:rowOff>116078</xdr:rowOff>
    </xdr:to>
    <xdr:sp macro="" textlink="">
      <xdr:nvSpPr>
        <xdr:cNvPr id="91" name="楕円 90"/>
        <xdr:cNvSpPr/>
      </xdr:nvSpPr>
      <xdr:spPr>
        <a:xfrm>
          <a:off x="1270000" y="6701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00855</xdr:rowOff>
    </xdr:from>
    <xdr:ext cx="762000" cy="259045"/>
    <xdr:sp macro="" textlink="">
      <xdr:nvSpPr>
        <xdr:cNvPr id="92" name="テキスト ボックス 91"/>
        <xdr:cNvSpPr txBox="1"/>
      </xdr:nvSpPr>
      <xdr:spPr>
        <a:xfrm>
          <a:off x="939800" y="678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令和２年度においては、賃金が廃止となったことにより、前年度に比べ、</a:t>
          </a:r>
          <a:r>
            <a:rPr kumimoji="1" lang="en-US" altLang="ja-JP" sz="1100">
              <a:solidFill>
                <a:schemeClr val="dk1"/>
              </a:solidFill>
              <a:effectLst/>
              <a:latin typeface="+mn-lt"/>
              <a:ea typeface="+mn-ea"/>
              <a:cs typeface="+mn-cs"/>
            </a:rPr>
            <a:t>0.2</a:t>
          </a:r>
          <a:r>
            <a:rPr kumimoji="1" lang="ja-JP" altLang="en-US" sz="1100">
              <a:solidFill>
                <a:schemeClr val="dk1"/>
              </a:solidFill>
              <a:effectLst/>
              <a:latin typeface="+mn-lt"/>
              <a:ea typeface="+mn-ea"/>
              <a:cs typeface="+mn-cs"/>
            </a:rPr>
            <a:t>％の減となっ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今後民間委託化を進めていく中で、人件費から委託料へのシフトが起こることが予想されるため、行政サービスの水準を低下させることなく、最適な手法により民間活力の積極的な活用を図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50800</xdr:rowOff>
    </xdr:from>
    <xdr:to>
      <xdr:col>82</xdr:col>
      <xdr:colOff>107950</xdr:colOff>
      <xdr:row>20</xdr:row>
      <xdr:rowOff>165100</xdr:rowOff>
    </xdr:to>
    <xdr:cxnSp macro="">
      <xdr:nvCxnSpPr>
        <xdr:cNvPr id="120" name="直線コネクタ 119"/>
        <xdr:cNvCxnSpPr/>
      </xdr:nvCxnSpPr>
      <xdr:spPr>
        <a:xfrm flipV="1">
          <a:off x="16510000" y="245110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37177</xdr:rowOff>
    </xdr:from>
    <xdr:ext cx="762000" cy="259045"/>
    <xdr:sp macro="" textlink="">
      <xdr:nvSpPr>
        <xdr:cNvPr id="121" name="物件費最小値テキスト"/>
        <xdr:cNvSpPr txBox="1"/>
      </xdr:nvSpPr>
      <xdr:spPr>
        <a:xfrm>
          <a:off x="16598900" y="356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65100</xdr:rowOff>
    </xdr:from>
    <xdr:to>
      <xdr:col>82</xdr:col>
      <xdr:colOff>196850</xdr:colOff>
      <xdr:row>20</xdr:row>
      <xdr:rowOff>165100</xdr:rowOff>
    </xdr:to>
    <xdr:cxnSp macro="">
      <xdr:nvCxnSpPr>
        <xdr:cNvPr id="122" name="直線コネクタ 121"/>
        <xdr:cNvCxnSpPr/>
      </xdr:nvCxnSpPr>
      <xdr:spPr>
        <a:xfrm>
          <a:off x="16421100" y="3594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37177</xdr:rowOff>
    </xdr:from>
    <xdr:ext cx="762000" cy="259045"/>
    <xdr:sp macro="" textlink="">
      <xdr:nvSpPr>
        <xdr:cNvPr id="123" name="物件費最大値テキスト"/>
        <xdr:cNvSpPr txBox="1"/>
      </xdr:nvSpPr>
      <xdr:spPr>
        <a:xfrm>
          <a:off x="16598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50800</xdr:rowOff>
    </xdr:from>
    <xdr:to>
      <xdr:col>82</xdr:col>
      <xdr:colOff>196850</xdr:colOff>
      <xdr:row>14</xdr:row>
      <xdr:rowOff>50800</xdr:rowOff>
    </xdr:to>
    <xdr:cxnSp macro="">
      <xdr:nvCxnSpPr>
        <xdr:cNvPr id="124" name="直線コネクタ 123"/>
        <xdr:cNvCxnSpPr/>
      </xdr:nvCxnSpPr>
      <xdr:spPr>
        <a:xfrm>
          <a:off x="16421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39370</xdr:rowOff>
    </xdr:from>
    <xdr:to>
      <xdr:col>82</xdr:col>
      <xdr:colOff>107950</xdr:colOff>
      <xdr:row>19</xdr:row>
      <xdr:rowOff>54610</xdr:rowOff>
    </xdr:to>
    <xdr:cxnSp macro="">
      <xdr:nvCxnSpPr>
        <xdr:cNvPr id="125" name="直線コネクタ 124"/>
        <xdr:cNvCxnSpPr/>
      </xdr:nvCxnSpPr>
      <xdr:spPr>
        <a:xfrm flipV="1">
          <a:off x="15671800" y="329692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81297</xdr:rowOff>
    </xdr:from>
    <xdr:ext cx="762000" cy="259045"/>
    <xdr:sp macro="" textlink="">
      <xdr:nvSpPr>
        <xdr:cNvPr id="126" name="物件費平均値テキスト"/>
        <xdr:cNvSpPr txBox="1"/>
      </xdr:nvSpPr>
      <xdr:spPr>
        <a:xfrm>
          <a:off x="16598900" y="28244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64770</xdr:rowOff>
    </xdr:from>
    <xdr:to>
      <xdr:col>82</xdr:col>
      <xdr:colOff>158750</xdr:colOff>
      <xdr:row>17</xdr:row>
      <xdr:rowOff>166370</xdr:rowOff>
    </xdr:to>
    <xdr:sp macro="" textlink="">
      <xdr:nvSpPr>
        <xdr:cNvPr id="127" name="フローチャート: 判断 126"/>
        <xdr:cNvSpPr/>
      </xdr:nvSpPr>
      <xdr:spPr>
        <a:xfrm>
          <a:off x="16459200" y="2979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49860</xdr:rowOff>
    </xdr:from>
    <xdr:to>
      <xdr:col>78</xdr:col>
      <xdr:colOff>69850</xdr:colOff>
      <xdr:row>19</xdr:row>
      <xdr:rowOff>54610</xdr:rowOff>
    </xdr:to>
    <xdr:cxnSp macro="">
      <xdr:nvCxnSpPr>
        <xdr:cNvPr id="128" name="直線コネクタ 127"/>
        <xdr:cNvCxnSpPr/>
      </xdr:nvCxnSpPr>
      <xdr:spPr>
        <a:xfrm>
          <a:off x="14782800" y="323596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48590</xdr:rowOff>
    </xdr:from>
    <xdr:to>
      <xdr:col>78</xdr:col>
      <xdr:colOff>120650</xdr:colOff>
      <xdr:row>18</xdr:row>
      <xdr:rowOff>78740</xdr:rowOff>
    </xdr:to>
    <xdr:sp macro="" textlink="">
      <xdr:nvSpPr>
        <xdr:cNvPr id="129" name="フローチャート: 判断 128"/>
        <xdr:cNvSpPr/>
      </xdr:nvSpPr>
      <xdr:spPr>
        <a:xfrm>
          <a:off x="15621000" y="3063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88917</xdr:rowOff>
    </xdr:from>
    <xdr:ext cx="736600" cy="259045"/>
    <xdr:sp macro="" textlink="">
      <xdr:nvSpPr>
        <xdr:cNvPr id="130" name="テキスト ボックス 129"/>
        <xdr:cNvSpPr txBox="1"/>
      </xdr:nvSpPr>
      <xdr:spPr>
        <a:xfrm>
          <a:off x="15290800" y="2832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49860</xdr:rowOff>
    </xdr:from>
    <xdr:to>
      <xdr:col>73</xdr:col>
      <xdr:colOff>180975</xdr:colOff>
      <xdr:row>19</xdr:row>
      <xdr:rowOff>46990</xdr:rowOff>
    </xdr:to>
    <xdr:cxnSp macro="">
      <xdr:nvCxnSpPr>
        <xdr:cNvPr id="131" name="直線コネクタ 130"/>
        <xdr:cNvCxnSpPr/>
      </xdr:nvCxnSpPr>
      <xdr:spPr>
        <a:xfrm flipV="1">
          <a:off x="13893800" y="323596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18110</xdr:rowOff>
    </xdr:from>
    <xdr:to>
      <xdr:col>74</xdr:col>
      <xdr:colOff>31750</xdr:colOff>
      <xdr:row>18</xdr:row>
      <xdr:rowOff>48260</xdr:rowOff>
    </xdr:to>
    <xdr:sp macro="" textlink="">
      <xdr:nvSpPr>
        <xdr:cNvPr id="132" name="フローチャート: 判断 131"/>
        <xdr:cNvSpPr/>
      </xdr:nvSpPr>
      <xdr:spPr>
        <a:xfrm>
          <a:off x="14732000" y="303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58437</xdr:rowOff>
    </xdr:from>
    <xdr:ext cx="762000" cy="259045"/>
    <xdr:sp macro="" textlink="">
      <xdr:nvSpPr>
        <xdr:cNvPr id="133" name="テキスト ボックス 132"/>
        <xdr:cNvSpPr txBox="1"/>
      </xdr:nvSpPr>
      <xdr:spPr>
        <a:xfrm>
          <a:off x="14401800" y="2801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04140</xdr:rowOff>
    </xdr:from>
    <xdr:to>
      <xdr:col>69</xdr:col>
      <xdr:colOff>92075</xdr:colOff>
      <xdr:row>19</xdr:row>
      <xdr:rowOff>46990</xdr:rowOff>
    </xdr:to>
    <xdr:cxnSp macro="">
      <xdr:nvCxnSpPr>
        <xdr:cNvPr id="134" name="直線コネクタ 133"/>
        <xdr:cNvCxnSpPr/>
      </xdr:nvCxnSpPr>
      <xdr:spPr>
        <a:xfrm>
          <a:off x="13004800" y="319024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02870</xdr:rowOff>
    </xdr:from>
    <xdr:to>
      <xdr:col>69</xdr:col>
      <xdr:colOff>142875</xdr:colOff>
      <xdr:row>18</xdr:row>
      <xdr:rowOff>33020</xdr:rowOff>
    </xdr:to>
    <xdr:sp macro="" textlink="">
      <xdr:nvSpPr>
        <xdr:cNvPr id="135" name="フローチャート: 判断 134"/>
        <xdr:cNvSpPr/>
      </xdr:nvSpPr>
      <xdr:spPr>
        <a:xfrm>
          <a:off x="13843000" y="3017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43197</xdr:rowOff>
    </xdr:from>
    <xdr:ext cx="762000" cy="259045"/>
    <xdr:sp macro="" textlink="">
      <xdr:nvSpPr>
        <xdr:cNvPr id="136" name="テキスト ボックス 135"/>
        <xdr:cNvSpPr txBox="1"/>
      </xdr:nvSpPr>
      <xdr:spPr>
        <a:xfrm>
          <a:off x="13512800" y="2786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87630</xdr:rowOff>
    </xdr:from>
    <xdr:to>
      <xdr:col>65</xdr:col>
      <xdr:colOff>53975</xdr:colOff>
      <xdr:row>18</xdr:row>
      <xdr:rowOff>17780</xdr:rowOff>
    </xdr:to>
    <xdr:sp macro="" textlink="">
      <xdr:nvSpPr>
        <xdr:cNvPr id="137" name="フローチャート: 判断 136"/>
        <xdr:cNvSpPr/>
      </xdr:nvSpPr>
      <xdr:spPr>
        <a:xfrm>
          <a:off x="12954000" y="3002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27957</xdr:rowOff>
    </xdr:from>
    <xdr:ext cx="762000" cy="259045"/>
    <xdr:sp macro="" textlink="">
      <xdr:nvSpPr>
        <xdr:cNvPr id="138" name="テキスト ボックス 137"/>
        <xdr:cNvSpPr txBox="1"/>
      </xdr:nvSpPr>
      <xdr:spPr>
        <a:xfrm>
          <a:off x="12623800" y="2771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60020</xdr:rowOff>
    </xdr:from>
    <xdr:to>
      <xdr:col>82</xdr:col>
      <xdr:colOff>158750</xdr:colOff>
      <xdr:row>19</xdr:row>
      <xdr:rowOff>90170</xdr:rowOff>
    </xdr:to>
    <xdr:sp macro="" textlink="">
      <xdr:nvSpPr>
        <xdr:cNvPr id="144" name="楕円 143"/>
        <xdr:cNvSpPr/>
      </xdr:nvSpPr>
      <xdr:spPr>
        <a:xfrm>
          <a:off x="16459200" y="324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32097</xdr:rowOff>
    </xdr:from>
    <xdr:ext cx="762000" cy="259045"/>
    <xdr:sp macro="" textlink="">
      <xdr:nvSpPr>
        <xdr:cNvPr id="145" name="物件費該当値テキスト"/>
        <xdr:cNvSpPr txBox="1"/>
      </xdr:nvSpPr>
      <xdr:spPr>
        <a:xfrm>
          <a:off x="16598900" y="3218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3810</xdr:rowOff>
    </xdr:from>
    <xdr:to>
      <xdr:col>78</xdr:col>
      <xdr:colOff>120650</xdr:colOff>
      <xdr:row>19</xdr:row>
      <xdr:rowOff>105410</xdr:rowOff>
    </xdr:to>
    <xdr:sp macro="" textlink="">
      <xdr:nvSpPr>
        <xdr:cNvPr id="146" name="楕円 145"/>
        <xdr:cNvSpPr/>
      </xdr:nvSpPr>
      <xdr:spPr>
        <a:xfrm>
          <a:off x="15621000" y="326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90187</xdr:rowOff>
    </xdr:from>
    <xdr:ext cx="736600" cy="259045"/>
    <xdr:sp macro="" textlink="">
      <xdr:nvSpPr>
        <xdr:cNvPr id="147" name="テキスト ボックス 146"/>
        <xdr:cNvSpPr txBox="1"/>
      </xdr:nvSpPr>
      <xdr:spPr>
        <a:xfrm>
          <a:off x="15290800" y="3347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99060</xdr:rowOff>
    </xdr:from>
    <xdr:to>
      <xdr:col>74</xdr:col>
      <xdr:colOff>31750</xdr:colOff>
      <xdr:row>19</xdr:row>
      <xdr:rowOff>29210</xdr:rowOff>
    </xdr:to>
    <xdr:sp macro="" textlink="">
      <xdr:nvSpPr>
        <xdr:cNvPr id="148" name="楕円 147"/>
        <xdr:cNvSpPr/>
      </xdr:nvSpPr>
      <xdr:spPr>
        <a:xfrm>
          <a:off x="14732000" y="3185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3987</xdr:rowOff>
    </xdr:from>
    <xdr:ext cx="762000" cy="259045"/>
    <xdr:sp macro="" textlink="">
      <xdr:nvSpPr>
        <xdr:cNvPr id="149" name="テキスト ボックス 148"/>
        <xdr:cNvSpPr txBox="1"/>
      </xdr:nvSpPr>
      <xdr:spPr>
        <a:xfrm>
          <a:off x="14401800" y="3271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67640</xdr:rowOff>
    </xdr:from>
    <xdr:to>
      <xdr:col>69</xdr:col>
      <xdr:colOff>142875</xdr:colOff>
      <xdr:row>19</xdr:row>
      <xdr:rowOff>97790</xdr:rowOff>
    </xdr:to>
    <xdr:sp macro="" textlink="">
      <xdr:nvSpPr>
        <xdr:cNvPr id="150" name="楕円 149"/>
        <xdr:cNvSpPr/>
      </xdr:nvSpPr>
      <xdr:spPr>
        <a:xfrm>
          <a:off x="13843000" y="325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82567</xdr:rowOff>
    </xdr:from>
    <xdr:ext cx="762000" cy="259045"/>
    <xdr:sp macro="" textlink="">
      <xdr:nvSpPr>
        <xdr:cNvPr id="151" name="テキスト ボックス 150"/>
        <xdr:cNvSpPr txBox="1"/>
      </xdr:nvSpPr>
      <xdr:spPr>
        <a:xfrm>
          <a:off x="13512800" y="3340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53340</xdr:rowOff>
    </xdr:from>
    <xdr:to>
      <xdr:col>65</xdr:col>
      <xdr:colOff>53975</xdr:colOff>
      <xdr:row>18</xdr:row>
      <xdr:rowOff>154940</xdr:rowOff>
    </xdr:to>
    <xdr:sp macro="" textlink="">
      <xdr:nvSpPr>
        <xdr:cNvPr id="152" name="楕円 151"/>
        <xdr:cNvSpPr/>
      </xdr:nvSpPr>
      <xdr:spPr>
        <a:xfrm>
          <a:off x="12954000" y="313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39717</xdr:rowOff>
    </xdr:from>
    <xdr:ext cx="762000" cy="259045"/>
    <xdr:sp macro="" textlink="">
      <xdr:nvSpPr>
        <xdr:cNvPr id="153" name="テキスト ボックス 152"/>
        <xdr:cNvSpPr txBox="1"/>
      </xdr:nvSpPr>
      <xdr:spPr>
        <a:xfrm>
          <a:off x="12623800" y="322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mn-ea"/>
              <a:ea typeface="+mn-ea"/>
            </a:rPr>
            <a:t>　令和２年度においては、小児医療費助成事業費、重度障害者医療費助成事業費の減により、</a:t>
          </a:r>
          <a:r>
            <a:rPr kumimoji="1" lang="ja-JP" altLang="ja-JP" sz="1100">
              <a:solidFill>
                <a:schemeClr val="dk1"/>
              </a:solidFill>
              <a:effectLst/>
              <a:latin typeface="+mn-lt"/>
              <a:ea typeface="+mn-ea"/>
              <a:cs typeface="+mn-cs"/>
            </a:rPr>
            <a:t>前年度に比べ</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6</a:t>
          </a:r>
          <a:r>
            <a:rPr kumimoji="1" lang="ja-JP" altLang="ja-JP" sz="1100">
              <a:solidFill>
                <a:schemeClr val="dk1"/>
              </a:solidFill>
              <a:effectLst/>
              <a:latin typeface="+mn-lt"/>
              <a:ea typeface="+mn-ea"/>
              <a:cs typeface="+mn-cs"/>
            </a:rPr>
            <a:t>千万円、</a:t>
          </a:r>
          <a:r>
            <a:rPr kumimoji="1" lang="en-US" altLang="ja-JP" sz="1100">
              <a:solidFill>
                <a:schemeClr val="dk1"/>
              </a:solidFill>
              <a:effectLst/>
              <a:latin typeface="+mn-lt"/>
              <a:ea typeface="+mn-ea"/>
              <a:cs typeface="+mn-cs"/>
            </a:rPr>
            <a:t>1.2</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減となった。</a:t>
          </a:r>
          <a:endParaRPr kumimoji="1" lang="en-US" altLang="ja-JP" sz="1100">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扶助費に係る経常収支比率が類似団体平均を上回っている状況が依然続いていることから、生活保護費において就労支援プログラムを活用するとともにハローワークと連携し、生活保護受給者の社会的自立を進めることで、財政を圧迫する上昇傾向に歯止めをかけるよう努める。</a:t>
          </a:r>
          <a:endParaRPr lang="ja-JP" altLang="ja-JP">
            <a:effectLst/>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8" name="直線コネクタ 167"/>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9" name="テキスト ボックス 168"/>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0" name="直線コネクタ 169"/>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1" name="テキスト ボックス 170"/>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2" name="直線コネクタ 171"/>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3" name="テキスト ボックス 172"/>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4" name="直線コネクタ 173"/>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5" name="テキスト ボックス 174"/>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6" name="直線コネクタ 175"/>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7" name="テキスト ボックス 176"/>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8" name="直線コネクタ 177"/>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9" name="テキスト ボックス 178"/>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67128</xdr:rowOff>
    </xdr:from>
    <xdr:to>
      <xdr:col>24</xdr:col>
      <xdr:colOff>25400</xdr:colOff>
      <xdr:row>61</xdr:row>
      <xdr:rowOff>80735</xdr:rowOff>
    </xdr:to>
    <xdr:cxnSp macro="">
      <xdr:nvCxnSpPr>
        <xdr:cNvPr id="183" name="直線コネクタ 182"/>
        <xdr:cNvCxnSpPr/>
      </xdr:nvCxnSpPr>
      <xdr:spPr>
        <a:xfrm flipV="1">
          <a:off x="4826000" y="8982528"/>
          <a:ext cx="0" cy="1556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52812</xdr:rowOff>
    </xdr:from>
    <xdr:ext cx="762000" cy="259045"/>
    <xdr:sp macro="" textlink="">
      <xdr:nvSpPr>
        <xdr:cNvPr id="184" name="扶助費最小値テキスト"/>
        <xdr:cNvSpPr txBox="1"/>
      </xdr:nvSpPr>
      <xdr:spPr>
        <a:xfrm>
          <a:off x="4914900" y="10511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80735</xdr:rowOff>
    </xdr:from>
    <xdr:to>
      <xdr:col>24</xdr:col>
      <xdr:colOff>114300</xdr:colOff>
      <xdr:row>61</xdr:row>
      <xdr:rowOff>80735</xdr:rowOff>
    </xdr:to>
    <xdr:cxnSp macro="">
      <xdr:nvCxnSpPr>
        <xdr:cNvPr id="185" name="直線コネクタ 184"/>
        <xdr:cNvCxnSpPr/>
      </xdr:nvCxnSpPr>
      <xdr:spPr>
        <a:xfrm>
          <a:off x="4737100" y="10539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53505</xdr:rowOff>
    </xdr:from>
    <xdr:ext cx="762000" cy="259045"/>
    <xdr:sp macro="" textlink="">
      <xdr:nvSpPr>
        <xdr:cNvPr id="186" name="扶助費最大値テキスト"/>
        <xdr:cNvSpPr txBox="1"/>
      </xdr:nvSpPr>
      <xdr:spPr>
        <a:xfrm>
          <a:off x="4914900" y="872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67128</xdr:rowOff>
    </xdr:from>
    <xdr:to>
      <xdr:col>24</xdr:col>
      <xdr:colOff>114300</xdr:colOff>
      <xdr:row>52</xdr:row>
      <xdr:rowOff>67128</xdr:rowOff>
    </xdr:to>
    <xdr:cxnSp macro="">
      <xdr:nvCxnSpPr>
        <xdr:cNvPr id="187" name="直線コネクタ 186"/>
        <xdr:cNvCxnSpPr/>
      </xdr:nvCxnSpPr>
      <xdr:spPr>
        <a:xfrm>
          <a:off x="4737100" y="8982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43328</xdr:rowOff>
    </xdr:from>
    <xdr:to>
      <xdr:col>24</xdr:col>
      <xdr:colOff>25400</xdr:colOff>
      <xdr:row>57</xdr:row>
      <xdr:rowOff>102507</xdr:rowOff>
    </xdr:to>
    <xdr:cxnSp macro="">
      <xdr:nvCxnSpPr>
        <xdr:cNvPr id="188" name="直線コネクタ 187"/>
        <xdr:cNvCxnSpPr/>
      </xdr:nvCxnSpPr>
      <xdr:spPr>
        <a:xfrm flipV="1">
          <a:off x="3987800" y="9744528"/>
          <a:ext cx="8382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41020</xdr:rowOff>
    </xdr:from>
    <xdr:ext cx="762000" cy="259045"/>
    <xdr:sp macro="" textlink="">
      <xdr:nvSpPr>
        <xdr:cNvPr id="189" name="扶助費平均値テキスト"/>
        <xdr:cNvSpPr txBox="1"/>
      </xdr:nvSpPr>
      <xdr:spPr>
        <a:xfrm>
          <a:off x="4914900" y="9299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24493</xdr:rowOff>
    </xdr:from>
    <xdr:to>
      <xdr:col>24</xdr:col>
      <xdr:colOff>76200</xdr:colOff>
      <xdr:row>55</xdr:row>
      <xdr:rowOff>126093</xdr:rowOff>
    </xdr:to>
    <xdr:sp macro="" textlink="">
      <xdr:nvSpPr>
        <xdr:cNvPr id="190" name="フローチャート: 判断 189"/>
        <xdr:cNvSpPr/>
      </xdr:nvSpPr>
      <xdr:spPr>
        <a:xfrm>
          <a:off x="47752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5422</xdr:rowOff>
    </xdr:from>
    <xdr:to>
      <xdr:col>19</xdr:col>
      <xdr:colOff>187325</xdr:colOff>
      <xdr:row>57</xdr:row>
      <xdr:rowOff>102507</xdr:rowOff>
    </xdr:to>
    <xdr:cxnSp macro="">
      <xdr:nvCxnSpPr>
        <xdr:cNvPr id="191" name="直線コネクタ 190"/>
        <xdr:cNvCxnSpPr/>
      </xdr:nvCxnSpPr>
      <xdr:spPr>
        <a:xfrm>
          <a:off x="3098800" y="9788072"/>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00693</xdr:rowOff>
    </xdr:from>
    <xdr:to>
      <xdr:col>20</xdr:col>
      <xdr:colOff>38100</xdr:colOff>
      <xdr:row>56</xdr:row>
      <xdr:rowOff>30843</xdr:rowOff>
    </xdr:to>
    <xdr:sp macro="" textlink="">
      <xdr:nvSpPr>
        <xdr:cNvPr id="192" name="フローチャート: 判断 191"/>
        <xdr:cNvSpPr/>
      </xdr:nvSpPr>
      <xdr:spPr>
        <a:xfrm>
          <a:off x="3937000" y="9530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41020</xdr:rowOff>
    </xdr:from>
    <xdr:ext cx="736600" cy="259045"/>
    <xdr:sp macro="" textlink="">
      <xdr:nvSpPr>
        <xdr:cNvPr id="193" name="テキスト ボックス 192"/>
        <xdr:cNvSpPr txBox="1"/>
      </xdr:nvSpPr>
      <xdr:spPr>
        <a:xfrm>
          <a:off x="3606800" y="92993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88900</xdr:rowOff>
    </xdr:from>
    <xdr:to>
      <xdr:col>15</xdr:col>
      <xdr:colOff>98425</xdr:colOff>
      <xdr:row>57</xdr:row>
      <xdr:rowOff>15422</xdr:rowOff>
    </xdr:to>
    <xdr:cxnSp macro="">
      <xdr:nvCxnSpPr>
        <xdr:cNvPr id="194" name="直線コネクタ 193"/>
        <xdr:cNvCxnSpPr/>
      </xdr:nvCxnSpPr>
      <xdr:spPr>
        <a:xfrm>
          <a:off x="2209800" y="9690100"/>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68035</xdr:rowOff>
    </xdr:from>
    <xdr:to>
      <xdr:col>15</xdr:col>
      <xdr:colOff>149225</xdr:colOff>
      <xdr:row>55</xdr:row>
      <xdr:rowOff>169635</xdr:rowOff>
    </xdr:to>
    <xdr:sp macro="" textlink="">
      <xdr:nvSpPr>
        <xdr:cNvPr id="195" name="フローチャート: 判断 194"/>
        <xdr:cNvSpPr/>
      </xdr:nvSpPr>
      <xdr:spPr>
        <a:xfrm>
          <a:off x="3048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8362</xdr:rowOff>
    </xdr:from>
    <xdr:ext cx="762000" cy="259045"/>
    <xdr:sp macro="" textlink="">
      <xdr:nvSpPr>
        <xdr:cNvPr id="196" name="テキスト ボックス 195"/>
        <xdr:cNvSpPr txBox="1"/>
      </xdr:nvSpPr>
      <xdr:spPr>
        <a:xfrm>
          <a:off x="2717800" y="9266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34472</xdr:rowOff>
    </xdr:from>
    <xdr:to>
      <xdr:col>11</xdr:col>
      <xdr:colOff>9525</xdr:colOff>
      <xdr:row>56</xdr:row>
      <xdr:rowOff>88900</xdr:rowOff>
    </xdr:to>
    <xdr:cxnSp macro="">
      <xdr:nvCxnSpPr>
        <xdr:cNvPr id="197" name="直線コネクタ 196"/>
        <xdr:cNvCxnSpPr/>
      </xdr:nvCxnSpPr>
      <xdr:spPr>
        <a:xfrm>
          <a:off x="1320800" y="9635672"/>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46265</xdr:rowOff>
    </xdr:from>
    <xdr:to>
      <xdr:col>11</xdr:col>
      <xdr:colOff>60325</xdr:colOff>
      <xdr:row>55</xdr:row>
      <xdr:rowOff>147865</xdr:rowOff>
    </xdr:to>
    <xdr:sp macro="" textlink="">
      <xdr:nvSpPr>
        <xdr:cNvPr id="198" name="フローチャート: 判断 197"/>
        <xdr:cNvSpPr/>
      </xdr:nvSpPr>
      <xdr:spPr>
        <a:xfrm>
          <a:off x="2159000" y="9476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58042</xdr:rowOff>
    </xdr:from>
    <xdr:ext cx="762000" cy="259045"/>
    <xdr:sp macro="" textlink="">
      <xdr:nvSpPr>
        <xdr:cNvPr id="199" name="テキスト ボックス 198"/>
        <xdr:cNvSpPr txBox="1"/>
      </xdr:nvSpPr>
      <xdr:spPr>
        <a:xfrm>
          <a:off x="1828800" y="9244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24493</xdr:rowOff>
    </xdr:from>
    <xdr:to>
      <xdr:col>6</xdr:col>
      <xdr:colOff>171450</xdr:colOff>
      <xdr:row>55</xdr:row>
      <xdr:rowOff>126093</xdr:rowOff>
    </xdr:to>
    <xdr:sp macro="" textlink="">
      <xdr:nvSpPr>
        <xdr:cNvPr id="200" name="フローチャート: 判断 199"/>
        <xdr:cNvSpPr/>
      </xdr:nvSpPr>
      <xdr:spPr>
        <a:xfrm>
          <a:off x="1270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6270</xdr:rowOff>
    </xdr:from>
    <xdr:ext cx="762000" cy="259045"/>
    <xdr:sp macro="" textlink="">
      <xdr:nvSpPr>
        <xdr:cNvPr id="201" name="テキスト ボックス 200"/>
        <xdr:cNvSpPr txBox="1"/>
      </xdr:nvSpPr>
      <xdr:spPr>
        <a:xfrm>
          <a:off x="939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92528</xdr:rowOff>
    </xdr:from>
    <xdr:to>
      <xdr:col>24</xdr:col>
      <xdr:colOff>76200</xdr:colOff>
      <xdr:row>57</xdr:row>
      <xdr:rowOff>22678</xdr:rowOff>
    </xdr:to>
    <xdr:sp macro="" textlink="">
      <xdr:nvSpPr>
        <xdr:cNvPr id="207" name="楕円 206"/>
        <xdr:cNvSpPr/>
      </xdr:nvSpPr>
      <xdr:spPr>
        <a:xfrm>
          <a:off x="47752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4605</xdr:rowOff>
    </xdr:from>
    <xdr:ext cx="762000" cy="259045"/>
    <xdr:sp macro="" textlink="">
      <xdr:nvSpPr>
        <xdr:cNvPr id="208" name="扶助費該当値テキスト"/>
        <xdr:cNvSpPr txBox="1"/>
      </xdr:nvSpPr>
      <xdr:spPr>
        <a:xfrm>
          <a:off x="4914900" y="9665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51707</xdr:rowOff>
    </xdr:from>
    <xdr:to>
      <xdr:col>20</xdr:col>
      <xdr:colOff>38100</xdr:colOff>
      <xdr:row>57</xdr:row>
      <xdr:rowOff>153307</xdr:rowOff>
    </xdr:to>
    <xdr:sp macro="" textlink="">
      <xdr:nvSpPr>
        <xdr:cNvPr id="209" name="楕円 208"/>
        <xdr:cNvSpPr/>
      </xdr:nvSpPr>
      <xdr:spPr>
        <a:xfrm>
          <a:off x="3937000" y="982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8084</xdr:rowOff>
    </xdr:from>
    <xdr:ext cx="736600" cy="259045"/>
    <xdr:sp macro="" textlink="">
      <xdr:nvSpPr>
        <xdr:cNvPr id="210" name="テキスト ボックス 209"/>
        <xdr:cNvSpPr txBox="1"/>
      </xdr:nvSpPr>
      <xdr:spPr>
        <a:xfrm>
          <a:off x="3606800" y="99107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36072</xdr:rowOff>
    </xdr:from>
    <xdr:to>
      <xdr:col>15</xdr:col>
      <xdr:colOff>149225</xdr:colOff>
      <xdr:row>57</xdr:row>
      <xdr:rowOff>66222</xdr:rowOff>
    </xdr:to>
    <xdr:sp macro="" textlink="">
      <xdr:nvSpPr>
        <xdr:cNvPr id="211" name="楕円 210"/>
        <xdr:cNvSpPr/>
      </xdr:nvSpPr>
      <xdr:spPr>
        <a:xfrm>
          <a:off x="3048000" y="973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50999</xdr:rowOff>
    </xdr:from>
    <xdr:ext cx="762000" cy="259045"/>
    <xdr:sp macro="" textlink="">
      <xdr:nvSpPr>
        <xdr:cNvPr id="212" name="テキスト ボックス 211"/>
        <xdr:cNvSpPr txBox="1"/>
      </xdr:nvSpPr>
      <xdr:spPr>
        <a:xfrm>
          <a:off x="2717800" y="982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38100</xdr:rowOff>
    </xdr:from>
    <xdr:to>
      <xdr:col>11</xdr:col>
      <xdr:colOff>60325</xdr:colOff>
      <xdr:row>56</xdr:row>
      <xdr:rowOff>139700</xdr:rowOff>
    </xdr:to>
    <xdr:sp macro="" textlink="">
      <xdr:nvSpPr>
        <xdr:cNvPr id="213" name="楕円 212"/>
        <xdr:cNvSpPr/>
      </xdr:nvSpPr>
      <xdr:spPr>
        <a:xfrm>
          <a:off x="2159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24477</xdr:rowOff>
    </xdr:from>
    <xdr:ext cx="762000" cy="259045"/>
    <xdr:sp macro="" textlink="">
      <xdr:nvSpPr>
        <xdr:cNvPr id="214" name="テキスト ボックス 213"/>
        <xdr:cNvSpPr txBox="1"/>
      </xdr:nvSpPr>
      <xdr:spPr>
        <a:xfrm>
          <a:off x="1828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55122</xdr:rowOff>
    </xdr:from>
    <xdr:to>
      <xdr:col>6</xdr:col>
      <xdr:colOff>171450</xdr:colOff>
      <xdr:row>56</xdr:row>
      <xdr:rowOff>85272</xdr:rowOff>
    </xdr:to>
    <xdr:sp macro="" textlink="">
      <xdr:nvSpPr>
        <xdr:cNvPr id="215" name="楕円 214"/>
        <xdr:cNvSpPr/>
      </xdr:nvSpPr>
      <xdr:spPr>
        <a:xfrm>
          <a:off x="1270000" y="958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70049</xdr:rowOff>
    </xdr:from>
    <xdr:ext cx="762000" cy="259045"/>
    <xdr:sp macro="" textlink="">
      <xdr:nvSpPr>
        <xdr:cNvPr id="216" name="テキスト ボックス 215"/>
        <xdr:cNvSpPr txBox="1"/>
      </xdr:nvSpPr>
      <xdr:spPr>
        <a:xfrm>
          <a:off x="939800" y="9671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令和２年度については、</a:t>
          </a:r>
          <a:r>
            <a:rPr kumimoji="1" lang="ja-JP" altLang="ja-JP" sz="1100">
              <a:solidFill>
                <a:schemeClr val="dk1"/>
              </a:solidFill>
              <a:effectLst/>
              <a:latin typeface="+mn-lt"/>
              <a:ea typeface="+mn-ea"/>
              <a:cs typeface="+mn-cs"/>
            </a:rPr>
            <a:t>下水道事業が法適用となったこと</a:t>
          </a:r>
          <a:r>
            <a:rPr kumimoji="1" lang="ja-JP" altLang="en-US" sz="1100">
              <a:solidFill>
                <a:schemeClr val="dk1"/>
              </a:solidFill>
              <a:effectLst/>
              <a:latin typeface="+mn-lt"/>
              <a:ea typeface="+mn-ea"/>
              <a:cs typeface="+mn-cs"/>
            </a:rPr>
            <a:t>や国民健康保険特別会計における被保険者数の減による繰出金の減により、前年度に比べて、</a:t>
          </a:r>
          <a:r>
            <a:rPr kumimoji="1" lang="en-US" altLang="ja-JP" sz="1100">
              <a:solidFill>
                <a:schemeClr val="dk1"/>
              </a:solidFill>
              <a:effectLst/>
              <a:latin typeface="+mn-lt"/>
              <a:ea typeface="+mn-ea"/>
              <a:cs typeface="+mn-cs"/>
            </a:rPr>
            <a:t>6.2</a:t>
          </a:r>
          <a:r>
            <a:rPr kumimoji="1" lang="ja-JP" altLang="en-US" sz="1100">
              <a:solidFill>
                <a:schemeClr val="dk1"/>
              </a:solidFill>
              <a:effectLst/>
              <a:latin typeface="+mn-lt"/>
              <a:ea typeface="+mn-ea"/>
              <a:cs typeface="+mn-cs"/>
            </a:rPr>
            <a:t>％の減となっ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今後</a:t>
          </a:r>
          <a:r>
            <a:rPr kumimoji="1" lang="ja-JP" altLang="en-US" sz="1100">
              <a:solidFill>
                <a:schemeClr val="dk1"/>
              </a:solidFill>
              <a:effectLst/>
              <a:latin typeface="+mn-lt"/>
              <a:ea typeface="+mn-ea"/>
              <a:cs typeface="+mn-cs"/>
            </a:rPr>
            <a:t>も引き続き</a:t>
          </a:r>
          <a:r>
            <a:rPr kumimoji="1" lang="ja-JP" altLang="ja-JP" sz="1100">
              <a:solidFill>
                <a:schemeClr val="dk1"/>
              </a:solidFill>
              <a:effectLst/>
              <a:latin typeface="+mn-lt"/>
              <a:ea typeface="+mn-ea"/>
              <a:cs typeface="+mn-cs"/>
            </a:rPr>
            <a:t>、介護保険及び国民健康保険事業について</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保険料の適正化などにより、税収を主な財源とする普通会計の負担額を減らしていくよう努め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69850</xdr:rowOff>
    </xdr:from>
    <xdr:to>
      <xdr:col>85</xdr:col>
      <xdr:colOff>66675</xdr:colOff>
      <xdr:row>62</xdr:row>
      <xdr:rowOff>69850</xdr:rowOff>
    </xdr:to>
    <xdr:cxnSp macro="">
      <xdr:nvCxnSpPr>
        <xdr:cNvPr id="231" name="直線コネクタ 230"/>
        <xdr:cNvCxnSpPr/>
      </xdr:nvCxnSpPr>
      <xdr:spPr>
        <a:xfrm>
          <a:off x="12446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99077</xdr:rowOff>
    </xdr:from>
    <xdr:ext cx="508000" cy="259045"/>
    <xdr:sp macro="" textlink="">
      <xdr:nvSpPr>
        <xdr:cNvPr id="232" name="テキスト ボックス 231"/>
        <xdr:cNvSpPr txBox="1"/>
      </xdr:nvSpPr>
      <xdr:spPr>
        <a:xfrm>
          <a:off x="11938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33" name="直線コネクタ 232"/>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34" name="テキスト ボックス 233"/>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2700</xdr:rowOff>
    </xdr:from>
    <xdr:to>
      <xdr:col>85</xdr:col>
      <xdr:colOff>66675</xdr:colOff>
      <xdr:row>59</xdr:row>
      <xdr:rowOff>12700</xdr:rowOff>
    </xdr:to>
    <xdr:cxnSp macro="">
      <xdr:nvCxnSpPr>
        <xdr:cNvPr id="235" name="直線コネクタ 234"/>
        <xdr:cNvCxnSpPr/>
      </xdr:nvCxnSpPr>
      <xdr:spPr>
        <a:xfrm>
          <a:off x="12446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41927</xdr:rowOff>
    </xdr:from>
    <xdr:ext cx="508000" cy="259045"/>
    <xdr:sp macro="" textlink="">
      <xdr:nvSpPr>
        <xdr:cNvPr id="236" name="テキスト ボックス 235"/>
        <xdr:cNvSpPr txBox="1"/>
      </xdr:nvSpPr>
      <xdr:spPr>
        <a:xfrm>
          <a:off x="11938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127000</xdr:rowOff>
    </xdr:from>
    <xdr:to>
      <xdr:col>85</xdr:col>
      <xdr:colOff>66675</xdr:colOff>
      <xdr:row>55</xdr:row>
      <xdr:rowOff>127000</xdr:rowOff>
    </xdr:to>
    <xdr:cxnSp macro="">
      <xdr:nvCxnSpPr>
        <xdr:cNvPr id="239" name="直線コネクタ 238"/>
        <xdr:cNvCxnSpPr/>
      </xdr:nvCxnSpPr>
      <xdr:spPr>
        <a:xfrm>
          <a:off x="12446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156227</xdr:rowOff>
    </xdr:from>
    <xdr:ext cx="508000" cy="259045"/>
    <xdr:sp macro="" textlink="">
      <xdr:nvSpPr>
        <xdr:cNvPr id="240" name="テキスト ボックス 239"/>
        <xdr:cNvSpPr txBox="1"/>
      </xdr:nvSpPr>
      <xdr:spPr>
        <a:xfrm>
          <a:off x="11938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41" name="直線コネクタ 240"/>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42" name="テキスト ボックス 241"/>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69850</xdr:rowOff>
    </xdr:from>
    <xdr:to>
      <xdr:col>85</xdr:col>
      <xdr:colOff>66675</xdr:colOff>
      <xdr:row>52</xdr:row>
      <xdr:rowOff>69850</xdr:rowOff>
    </xdr:to>
    <xdr:cxnSp macro="">
      <xdr:nvCxnSpPr>
        <xdr:cNvPr id="243" name="直線コネクタ 242"/>
        <xdr:cNvCxnSpPr/>
      </xdr:nvCxnSpPr>
      <xdr:spPr>
        <a:xfrm>
          <a:off x="12446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99077</xdr:rowOff>
    </xdr:from>
    <xdr:ext cx="508000" cy="259045"/>
    <xdr:sp macro="" textlink="">
      <xdr:nvSpPr>
        <xdr:cNvPr id="244" name="テキスト ボックス 243"/>
        <xdr:cNvSpPr txBox="1"/>
      </xdr:nvSpPr>
      <xdr:spPr>
        <a:xfrm>
          <a:off x="11938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0325</xdr:rowOff>
    </xdr:from>
    <xdr:to>
      <xdr:col>82</xdr:col>
      <xdr:colOff>107950</xdr:colOff>
      <xdr:row>61</xdr:row>
      <xdr:rowOff>60325</xdr:rowOff>
    </xdr:to>
    <xdr:cxnSp macro="">
      <xdr:nvCxnSpPr>
        <xdr:cNvPr id="248" name="直線コネクタ 247"/>
        <xdr:cNvCxnSpPr/>
      </xdr:nvCxnSpPr>
      <xdr:spPr>
        <a:xfrm flipV="1">
          <a:off x="16510000" y="9147175"/>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2402</xdr:rowOff>
    </xdr:from>
    <xdr:ext cx="762000" cy="259045"/>
    <xdr:sp macro="" textlink="">
      <xdr:nvSpPr>
        <xdr:cNvPr id="249" name="その他最小値テキスト"/>
        <xdr:cNvSpPr txBox="1"/>
      </xdr:nvSpPr>
      <xdr:spPr>
        <a:xfrm>
          <a:off x="16598900" y="10490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60325</xdr:rowOff>
    </xdr:from>
    <xdr:to>
      <xdr:col>82</xdr:col>
      <xdr:colOff>196850</xdr:colOff>
      <xdr:row>61</xdr:row>
      <xdr:rowOff>60325</xdr:rowOff>
    </xdr:to>
    <xdr:cxnSp macro="">
      <xdr:nvCxnSpPr>
        <xdr:cNvPr id="250" name="直線コネクタ 249"/>
        <xdr:cNvCxnSpPr/>
      </xdr:nvCxnSpPr>
      <xdr:spPr>
        <a:xfrm>
          <a:off x="16421100" y="10518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46702</xdr:rowOff>
    </xdr:from>
    <xdr:ext cx="762000" cy="259045"/>
    <xdr:sp macro="" textlink="">
      <xdr:nvSpPr>
        <xdr:cNvPr id="251" name="その他最大値テキスト"/>
        <xdr:cNvSpPr txBox="1"/>
      </xdr:nvSpPr>
      <xdr:spPr>
        <a:xfrm>
          <a:off x="16598900" y="8890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0325</xdr:rowOff>
    </xdr:from>
    <xdr:to>
      <xdr:col>82</xdr:col>
      <xdr:colOff>196850</xdr:colOff>
      <xdr:row>53</xdr:row>
      <xdr:rowOff>60325</xdr:rowOff>
    </xdr:to>
    <xdr:cxnSp macro="">
      <xdr:nvCxnSpPr>
        <xdr:cNvPr id="252" name="直線コネクタ 251"/>
        <xdr:cNvCxnSpPr/>
      </xdr:nvCxnSpPr>
      <xdr:spPr>
        <a:xfrm>
          <a:off x="16421100" y="9147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60325</xdr:rowOff>
    </xdr:from>
    <xdr:to>
      <xdr:col>82</xdr:col>
      <xdr:colOff>107950</xdr:colOff>
      <xdr:row>59</xdr:row>
      <xdr:rowOff>136525</xdr:rowOff>
    </xdr:to>
    <xdr:cxnSp macro="">
      <xdr:nvCxnSpPr>
        <xdr:cNvPr id="253" name="直線コネクタ 252"/>
        <xdr:cNvCxnSpPr/>
      </xdr:nvCxnSpPr>
      <xdr:spPr>
        <a:xfrm flipV="1">
          <a:off x="15671800" y="9661525"/>
          <a:ext cx="838200" cy="590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54" name="その他平均値テキスト"/>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55" name="フローチャート: 判断 254"/>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117475</xdr:rowOff>
    </xdr:from>
    <xdr:to>
      <xdr:col>78</xdr:col>
      <xdr:colOff>69850</xdr:colOff>
      <xdr:row>59</xdr:row>
      <xdr:rowOff>136525</xdr:rowOff>
    </xdr:to>
    <xdr:cxnSp macro="">
      <xdr:nvCxnSpPr>
        <xdr:cNvPr id="256" name="直線コネクタ 255"/>
        <xdr:cNvCxnSpPr/>
      </xdr:nvCxnSpPr>
      <xdr:spPr>
        <a:xfrm>
          <a:off x="14782800" y="1023302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9525</xdr:rowOff>
    </xdr:from>
    <xdr:to>
      <xdr:col>78</xdr:col>
      <xdr:colOff>120650</xdr:colOff>
      <xdr:row>58</xdr:row>
      <xdr:rowOff>111125</xdr:rowOff>
    </xdr:to>
    <xdr:sp macro="" textlink="">
      <xdr:nvSpPr>
        <xdr:cNvPr id="257" name="フローチャート: 判断 256"/>
        <xdr:cNvSpPr/>
      </xdr:nvSpPr>
      <xdr:spPr>
        <a:xfrm>
          <a:off x="15621000" y="9953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21302</xdr:rowOff>
    </xdr:from>
    <xdr:ext cx="736600" cy="259045"/>
    <xdr:sp macro="" textlink="">
      <xdr:nvSpPr>
        <xdr:cNvPr id="258" name="テキスト ボックス 257"/>
        <xdr:cNvSpPr txBox="1"/>
      </xdr:nvSpPr>
      <xdr:spPr>
        <a:xfrm>
          <a:off x="15290800" y="97225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117475</xdr:rowOff>
    </xdr:from>
    <xdr:to>
      <xdr:col>73</xdr:col>
      <xdr:colOff>180975</xdr:colOff>
      <xdr:row>60</xdr:row>
      <xdr:rowOff>88900</xdr:rowOff>
    </xdr:to>
    <xdr:cxnSp macro="">
      <xdr:nvCxnSpPr>
        <xdr:cNvPr id="259" name="直線コネクタ 258"/>
        <xdr:cNvCxnSpPr/>
      </xdr:nvCxnSpPr>
      <xdr:spPr>
        <a:xfrm flipV="1">
          <a:off x="13893800" y="10233025"/>
          <a:ext cx="889000" cy="142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47625</xdr:rowOff>
    </xdr:from>
    <xdr:to>
      <xdr:col>74</xdr:col>
      <xdr:colOff>31750</xdr:colOff>
      <xdr:row>58</xdr:row>
      <xdr:rowOff>149225</xdr:rowOff>
    </xdr:to>
    <xdr:sp macro="" textlink="">
      <xdr:nvSpPr>
        <xdr:cNvPr id="260" name="フローチャート: 判断 259"/>
        <xdr:cNvSpPr/>
      </xdr:nvSpPr>
      <xdr:spPr>
        <a:xfrm>
          <a:off x="14732000" y="999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59402</xdr:rowOff>
    </xdr:from>
    <xdr:ext cx="762000" cy="259045"/>
    <xdr:sp macro="" textlink="">
      <xdr:nvSpPr>
        <xdr:cNvPr id="261" name="テキスト ボックス 260"/>
        <xdr:cNvSpPr txBox="1"/>
      </xdr:nvSpPr>
      <xdr:spPr>
        <a:xfrm>
          <a:off x="14401800" y="9760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50800</xdr:rowOff>
    </xdr:from>
    <xdr:to>
      <xdr:col>69</xdr:col>
      <xdr:colOff>92075</xdr:colOff>
      <xdr:row>60</xdr:row>
      <xdr:rowOff>88900</xdr:rowOff>
    </xdr:to>
    <xdr:cxnSp macro="">
      <xdr:nvCxnSpPr>
        <xdr:cNvPr id="262" name="直線コネクタ 261"/>
        <xdr:cNvCxnSpPr/>
      </xdr:nvCxnSpPr>
      <xdr:spPr>
        <a:xfrm>
          <a:off x="13004800" y="10337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76200</xdr:rowOff>
    </xdr:from>
    <xdr:to>
      <xdr:col>69</xdr:col>
      <xdr:colOff>142875</xdr:colOff>
      <xdr:row>59</xdr:row>
      <xdr:rowOff>6350</xdr:rowOff>
    </xdr:to>
    <xdr:sp macro="" textlink="">
      <xdr:nvSpPr>
        <xdr:cNvPr id="263" name="フローチャート: 判断 262"/>
        <xdr:cNvSpPr/>
      </xdr:nvSpPr>
      <xdr:spPr>
        <a:xfrm>
          <a:off x="13843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6527</xdr:rowOff>
    </xdr:from>
    <xdr:ext cx="762000" cy="259045"/>
    <xdr:sp macro="" textlink="">
      <xdr:nvSpPr>
        <xdr:cNvPr id="264" name="テキスト ボックス 263"/>
        <xdr:cNvSpPr txBox="1"/>
      </xdr:nvSpPr>
      <xdr:spPr>
        <a:xfrm>
          <a:off x="13512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85725</xdr:rowOff>
    </xdr:from>
    <xdr:to>
      <xdr:col>65</xdr:col>
      <xdr:colOff>53975</xdr:colOff>
      <xdr:row>59</xdr:row>
      <xdr:rowOff>15875</xdr:rowOff>
    </xdr:to>
    <xdr:sp macro="" textlink="">
      <xdr:nvSpPr>
        <xdr:cNvPr id="265" name="フローチャート: 判断 264"/>
        <xdr:cNvSpPr/>
      </xdr:nvSpPr>
      <xdr:spPr>
        <a:xfrm>
          <a:off x="12954000" y="10029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26052</xdr:rowOff>
    </xdr:from>
    <xdr:ext cx="762000" cy="259045"/>
    <xdr:sp macro="" textlink="">
      <xdr:nvSpPr>
        <xdr:cNvPr id="266" name="テキスト ボックス 265"/>
        <xdr:cNvSpPr txBox="1"/>
      </xdr:nvSpPr>
      <xdr:spPr>
        <a:xfrm>
          <a:off x="12623800" y="9798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9525</xdr:rowOff>
    </xdr:from>
    <xdr:to>
      <xdr:col>82</xdr:col>
      <xdr:colOff>158750</xdr:colOff>
      <xdr:row>56</xdr:row>
      <xdr:rowOff>111125</xdr:rowOff>
    </xdr:to>
    <xdr:sp macro="" textlink="">
      <xdr:nvSpPr>
        <xdr:cNvPr id="272" name="楕円 271"/>
        <xdr:cNvSpPr/>
      </xdr:nvSpPr>
      <xdr:spPr>
        <a:xfrm>
          <a:off x="16459200" y="9610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26052</xdr:rowOff>
    </xdr:from>
    <xdr:ext cx="762000" cy="259045"/>
    <xdr:sp macro="" textlink="">
      <xdr:nvSpPr>
        <xdr:cNvPr id="273" name="その他該当値テキスト"/>
        <xdr:cNvSpPr txBox="1"/>
      </xdr:nvSpPr>
      <xdr:spPr>
        <a:xfrm>
          <a:off x="16598900" y="9455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9</xdr:row>
      <xdr:rowOff>85725</xdr:rowOff>
    </xdr:from>
    <xdr:to>
      <xdr:col>78</xdr:col>
      <xdr:colOff>120650</xdr:colOff>
      <xdr:row>60</xdr:row>
      <xdr:rowOff>15875</xdr:rowOff>
    </xdr:to>
    <xdr:sp macro="" textlink="">
      <xdr:nvSpPr>
        <xdr:cNvPr id="274" name="楕円 273"/>
        <xdr:cNvSpPr/>
      </xdr:nvSpPr>
      <xdr:spPr>
        <a:xfrm>
          <a:off x="15621000" y="10201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652</xdr:rowOff>
    </xdr:from>
    <xdr:ext cx="736600" cy="259045"/>
    <xdr:sp macro="" textlink="">
      <xdr:nvSpPr>
        <xdr:cNvPr id="275" name="テキスト ボックス 274"/>
        <xdr:cNvSpPr txBox="1"/>
      </xdr:nvSpPr>
      <xdr:spPr>
        <a:xfrm>
          <a:off x="15290800" y="102876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66675</xdr:rowOff>
    </xdr:from>
    <xdr:to>
      <xdr:col>74</xdr:col>
      <xdr:colOff>31750</xdr:colOff>
      <xdr:row>59</xdr:row>
      <xdr:rowOff>168275</xdr:rowOff>
    </xdr:to>
    <xdr:sp macro="" textlink="">
      <xdr:nvSpPr>
        <xdr:cNvPr id="276" name="楕円 275"/>
        <xdr:cNvSpPr/>
      </xdr:nvSpPr>
      <xdr:spPr>
        <a:xfrm>
          <a:off x="14732000" y="10182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53052</xdr:rowOff>
    </xdr:from>
    <xdr:ext cx="762000" cy="259045"/>
    <xdr:sp macro="" textlink="">
      <xdr:nvSpPr>
        <xdr:cNvPr id="277" name="テキスト ボックス 276"/>
        <xdr:cNvSpPr txBox="1"/>
      </xdr:nvSpPr>
      <xdr:spPr>
        <a:xfrm>
          <a:off x="14401800" y="10268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38100</xdr:rowOff>
    </xdr:from>
    <xdr:to>
      <xdr:col>69</xdr:col>
      <xdr:colOff>142875</xdr:colOff>
      <xdr:row>60</xdr:row>
      <xdr:rowOff>139700</xdr:rowOff>
    </xdr:to>
    <xdr:sp macro="" textlink="">
      <xdr:nvSpPr>
        <xdr:cNvPr id="278" name="楕円 277"/>
        <xdr:cNvSpPr/>
      </xdr:nvSpPr>
      <xdr:spPr>
        <a:xfrm>
          <a:off x="138430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124477</xdr:rowOff>
    </xdr:from>
    <xdr:ext cx="762000" cy="259045"/>
    <xdr:sp macro="" textlink="">
      <xdr:nvSpPr>
        <xdr:cNvPr id="279" name="テキスト ボックス 278"/>
        <xdr:cNvSpPr txBox="1"/>
      </xdr:nvSpPr>
      <xdr:spPr>
        <a:xfrm>
          <a:off x="135128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0</xdr:rowOff>
    </xdr:from>
    <xdr:to>
      <xdr:col>65</xdr:col>
      <xdr:colOff>53975</xdr:colOff>
      <xdr:row>60</xdr:row>
      <xdr:rowOff>101600</xdr:rowOff>
    </xdr:to>
    <xdr:sp macro="" textlink="">
      <xdr:nvSpPr>
        <xdr:cNvPr id="280" name="楕円 279"/>
        <xdr:cNvSpPr/>
      </xdr:nvSpPr>
      <xdr:spPr>
        <a:xfrm>
          <a:off x="12954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86377</xdr:rowOff>
    </xdr:from>
    <xdr:ext cx="762000" cy="259045"/>
    <xdr:sp macro="" textlink="">
      <xdr:nvSpPr>
        <xdr:cNvPr id="281" name="テキスト ボックス 280"/>
        <xdr:cNvSpPr txBox="1"/>
      </xdr:nvSpPr>
      <xdr:spPr>
        <a:xfrm>
          <a:off x="12623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令和２年度においては、下水道事業が法適用となったことにより、前年度に比べて、</a:t>
          </a:r>
          <a:r>
            <a:rPr kumimoji="1" lang="en-US" altLang="ja-JP" sz="1100">
              <a:solidFill>
                <a:schemeClr val="dk1"/>
              </a:solidFill>
              <a:effectLst/>
              <a:latin typeface="+mn-lt"/>
              <a:ea typeface="+mn-ea"/>
              <a:cs typeface="+mn-cs"/>
            </a:rPr>
            <a:t>10.5</a:t>
          </a:r>
          <a:r>
            <a:rPr kumimoji="1" lang="ja-JP" altLang="en-US" sz="1100">
              <a:solidFill>
                <a:schemeClr val="dk1"/>
              </a:solidFill>
              <a:effectLst/>
              <a:latin typeface="+mn-lt"/>
              <a:ea typeface="+mn-ea"/>
              <a:cs typeface="+mn-cs"/>
            </a:rPr>
            <a:t>億円、</a:t>
          </a:r>
          <a:r>
            <a:rPr kumimoji="1" lang="en-US" altLang="ja-JP" sz="1100">
              <a:solidFill>
                <a:schemeClr val="dk1"/>
              </a:solidFill>
              <a:effectLst/>
              <a:latin typeface="+mn-lt"/>
              <a:ea typeface="+mn-ea"/>
              <a:cs typeface="+mn-cs"/>
            </a:rPr>
            <a:t>6.2</a:t>
          </a:r>
          <a:r>
            <a:rPr kumimoji="1" lang="ja-JP" altLang="en-US" sz="1100">
              <a:solidFill>
                <a:schemeClr val="dk1"/>
              </a:solidFill>
              <a:effectLst/>
              <a:latin typeface="+mn-lt"/>
              <a:ea typeface="+mn-ea"/>
              <a:cs typeface="+mn-cs"/>
            </a:rPr>
            <a:t>％の増となった。</a:t>
          </a:r>
          <a:endParaRPr kumimoji="1" lang="en-US" altLang="ja-JP" sz="1100">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今後</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運営管理の効率化により、補助費等の</a:t>
          </a:r>
          <a:r>
            <a:rPr kumimoji="1" lang="ja-JP" altLang="en-US" sz="1100">
              <a:solidFill>
                <a:schemeClr val="dk1"/>
              </a:solidFill>
              <a:effectLst/>
              <a:latin typeface="+mn-lt"/>
              <a:ea typeface="+mn-ea"/>
              <a:cs typeface="+mn-cs"/>
            </a:rPr>
            <a:t>多く</a:t>
          </a:r>
          <a:r>
            <a:rPr kumimoji="1" lang="ja-JP" altLang="ja-JP" sz="1100">
              <a:solidFill>
                <a:schemeClr val="dk1"/>
              </a:solidFill>
              <a:effectLst/>
              <a:latin typeface="+mn-lt"/>
              <a:ea typeface="+mn-ea"/>
              <a:cs typeface="+mn-cs"/>
            </a:rPr>
            <a:t>を占めている一部事務組合に対する負担金の低減に努める。</a:t>
          </a:r>
          <a:endParaRPr lang="ja-JP" altLang="ja-JP">
            <a:effectLst/>
          </a:endParaRP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6" name="直線コネクタ 295"/>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7" name="テキスト ボックス 296"/>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8" name="直線コネクタ 297"/>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9" name="テキスト ボックス 298"/>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0" name="直線コネクタ 299"/>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1" name="テキスト ボックス 300"/>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2" name="直線コネクタ 301"/>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3" name="テキスト ボックス 302"/>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5"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27000</xdr:rowOff>
    </xdr:from>
    <xdr:to>
      <xdr:col>82</xdr:col>
      <xdr:colOff>107950</xdr:colOff>
      <xdr:row>40</xdr:row>
      <xdr:rowOff>122428</xdr:rowOff>
    </xdr:to>
    <xdr:cxnSp macro="">
      <xdr:nvCxnSpPr>
        <xdr:cNvPr id="306" name="直線コネクタ 305"/>
        <xdr:cNvCxnSpPr/>
      </xdr:nvCxnSpPr>
      <xdr:spPr>
        <a:xfrm flipV="1">
          <a:off x="16510000" y="5956300"/>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94505</xdr:rowOff>
    </xdr:from>
    <xdr:ext cx="762000" cy="259045"/>
    <xdr:sp macro="" textlink="">
      <xdr:nvSpPr>
        <xdr:cNvPr id="307" name="補助費等最小値テキスト"/>
        <xdr:cNvSpPr txBox="1"/>
      </xdr:nvSpPr>
      <xdr:spPr>
        <a:xfrm>
          <a:off x="16598900" y="695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22428</xdr:rowOff>
    </xdr:from>
    <xdr:to>
      <xdr:col>82</xdr:col>
      <xdr:colOff>196850</xdr:colOff>
      <xdr:row>40</xdr:row>
      <xdr:rowOff>122428</xdr:rowOff>
    </xdr:to>
    <xdr:cxnSp macro="">
      <xdr:nvCxnSpPr>
        <xdr:cNvPr id="308" name="直線コネクタ 307"/>
        <xdr:cNvCxnSpPr/>
      </xdr:nvCxnSpPr>
      <xdr:spPr>
        <a:xfrm>
          <a:off x="16421100" y="6980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41927</xdr:rowOff>
    </xdr:from>
    <xdr:ext cx="762000" cy="259045"/>
    <xdr:sp macro="" textlink="">
      <xdr:nvSpPr>
        <xdr:cNvPr id="309" name="補助費等最大値テキスト"/>
        <xdr:cNvSpPr txBox="1"/>
      </xdr:nvSpPr>
      <xdr:spPr>
        <a:xfrm>
          <a:off x="16598900" y="569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27000</xdr:rowOff>
    </xdr:from>
    <xdr:to>
      <xdr:col>82</xdr:col>
      <xdr:colOff>196850</xdr:colOff>
      <xdr:row>34</xdr:row>
      <xdr:rowOff>127000</xdr:rowOff>
    </xdr:to>
    <xdr:cxnSp macro="">
      <xdr:nvCxnSpPr>
        <xdr:cNvPr id="310" name="直線コネクタ 309"/>
        <xdr:cNvCxnSpPr/>
      </xdr:nvCxnSpPr>
      <xdr:spPr>
        <a:xfrm>
          <a:off x="16421100" y="595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24130</xdr:rowOff>
    </xdr:from>
    <xdr:to>
      <xdr:col>82</xdr:col>
      <xdr:colOff>107950</xdr:colOff>
      <xdr:row>36</xdr:row>
      <xdr:rowOff>136144</xdr:rowOff>
    </xdr:to>
    <xdr:cxnSp macro="">
      <xdr:nvCxnSpPr>
        <xdr:cNvPr id="311" name="直線コネクタ 310"/>
        <xdr:cNvCxnSpPr/>
      </xdr:nvCxnSpPr>
      <xdr:spPr>
        <a:xfrm>
          <a:off x="15671800" y="6024880"/>
          <a:ext cx="838200" cy="283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0281</xdr:rowOff>
    </xdr:from>
    <xdr:ext cx="762000" cy="259045"/>
    <xdr:sp macro="" textlink="">
      <xdr:nvSpPr>
        <xdr:cNvPr id="312" name="補助費等平均値テキスト"/>
        <xdr:cNvSpPr txBox="1"/>
      </xdr:nvSpPr>
      <xdr:spPr>
        <a:xfrm>
          <a:off x="16598900" y="6252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8204</xdr:rowOff>
    </xdr:from>
    <xdr:to>
      <xdr:col>82</xdr:col>
      <xdr:colOff>158750</xdr:colOff>
      <xdr:row>37</xdr:row>
      <xdr:rowOff>38354</xdr:rowOff>
    </xdr:to>
    <xdr:sp macro="" textlink="">
      <xdr:nvSpPr>
        <xdr:cNvPr id="313" name="フローチャート: 判断 312"/>
        <xdr:cNvSpPr/>
      </xdr:nvSpPr>
      <xdr:spPr>
        <a:xfrm>
          <a:off x="164592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24130</xdr:rowOff>
    </xdr:from>
    <xdr:to>
      <xdr:col>78</xdr:col>
      <xdr:colOff>69850</xdr:colOff>
      <xdr:row>35</xdr:row>
      <xdr:rowOff>74422</xdr:rowOff>
    </xdr:to>
    <xdr:cxnSp macro="">
      <xdr:nvCxnSpPr>
        <xdr:cNvPr id="314" name="直線コネクタ 313"/>
        <xdr:cNvCxnSpPr/>
      </xdr:nvCxnSpPr>
      <xdr:spPr>
        <a:xfrm flipV="1">
          <a:off x="14782800" y="602488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62484</xdr:rowOff>
    </xdr:from>
    <xdr:to>
      <xdr:col>78</xdr:col>
      <xdr:colOff>120650</xdr:colOff>
      <xdr:row>36</xdr:row>
      <xdr:rowOff>164084</xdr:rowOff>
    </xdr:to>
    <xdr:sp macro="" textlink="">
      <xdr:nvSpPr>
        <xdr:cNvPr id="315" name="フローチャート: 判断 314"/>
        <xdr:cNvSpPr/>
      </xdr:nvSpPr>
      <xdr:spPr>
        <a:xfrm>
          <a:off x="15621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8861</xdr:rowOff>
    </xdr:from>
    <xdr:ext cx="736600" cy="259045"/>
    <xdr:sp macro="" textlink="">
      <xdr:nvSpPr>
        <xdr:cNvPr id="316" name="テキスト ボックス 315"/>
        <xdr:cNvSpPr txBox="1"/>
      </xdr:nvSpPr>
      <xdr:spPr>
        <a:xfrm>
          <a:off x="15290800" y="6321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74422</xdr:rowOff>
    </xdr:from>
    <xdr:to>
      <xdr:col>73</xdr:col>
      <xdr:colOff>180975</xdr:colOff>
      <xdr:row>35</xdr:row>
      <xdr:rowOff>101854</xdr:rowOff>
    </xdr:to>
    <xdr:cxnSp macro="">
      <xdr:nvCxnSpPr>
        <xdr:cNvPr id="317" name="直線コネクタ 316"/>
        <xdr:cNvCxnSpPr/>
      </xdr:nvCxnSpPr>
      <xdr:spPr>
        <a:xfrm flipV="1">
          <a:off x="13893800" y="607517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39624</xdr:rowOff>
    </xdr:from>
    <xdr:to>
      <xdr:col>74</xdr:col>
      <xdr:colOff>31750</xdr:colOff>
      <xdr:row>36</xdr:row>
      <xdr:rowOff>141224</xdr:rowOff>
    </xdr:to>
    <xdr:sp macro="" textlink="">
      <xdr:nvSpPr>
        <xdr:cNvPr id="318" name="フローチャート: 判断 317"/>
        <xdr:cNvSpPr/>
      </xdr:nvSpPr>
      <xdr:spPr>
        <a:xfrm>
          <a:off x="14732000" y="621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26001</xdr:rowOff>
    </xdr:from>
    <xdr:ext cx="762000" cy="259045"/>
    <xdr:sp macro="" textlink="">
      <xdr:nvSpPr>
        <xdr:cNvPr id="319" name="テキスト ボックス 318"/>
        <xdr:cNvSpPr txBox="1"/>
      </xdr:nvSpPr>
      <xdr:spPr>
        <a:xfrm>
          <a:off x="14401800" y="6298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01854</xdr:rowOff>
    </xdr:from>
    <xdr:to>
      <xdr:col>69</xdr:col>
      <xdr:colOff>92075</xdr:colOff>
      <xdr:row>35</xdr:row>
      <xdr:rowOff>143002</xdr:rowOff>
    </xdr:to>
    <xdr:cxnSp macro="">
      <xdr:nvCxnSpPr>
        <xdr:cNvPr id="320" name="直線コネクタ 319"/>
        <xdr:cNvCxnSpPr/>
      </xdr:nvCxnSpPr>
      <xdr:spPr>
        <a:xfrm flipV="1">
          <a:off x="13004800" y="6102604"/>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39624</xdr:rowOff>
    </xdr:from>
    <xdr:to>
      <xdr:col>69</xdr:col>
      <xdr:colOff>142875</xdr:colOff>
      <xdr:row>36</xdr:row>
      <xdr:rowOff>141224</xdr:rowOff>
    </xdr:to>
    <xdr:sp macro="" textlink="">
      <xdr:nvSpPr>
        <xdr:cNvPr id="321" name="フローチャート: 判断 320"/>
        <xdr:cNvSpPr/>
      </xdr:nvSpPr>
      <xdr:spPr>
        <a:xfrm>
          <a:off x="13843000" y="621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26001</xdr:rowOff>
    </xdr:from>
    <xdr:ext cx="762000" cy="259045"/>
    <xdr:sp macro="" textlink="">
      <xdr:nvSpPr>
        <xdr:cNvPr id="322" name="テキスト ボックス 321"/>
        <xdr:cNvSpPr txBox="1"/>
      </xdr:nvSpPr>
      <xdr:spPr>
        <a:xfrm>
          <a:off x="13512800" y="6298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6764</xdr:rowOff>
    </xdr:from>
    <xdr:to>
      <xdr:col>65</xdr:col>
      <xdr:colOff>53975</xdr:colOff>
      <xdr:row>36</xdr:row>
      <xdr:rowOff>118364</xdr:rowOff>
    </xdr:to>
    <xdr:sp macro="" textlink="">
      <xdr:nvSpPr>
        <xdr:cNvPr id="323" name="フローチャート: 判断 322"/>
        <xdr:cNvSpPr/>
      </xdr:nvSpPr>
      <xdr:spPr>
        <a:xfrm>
          <a:off x="12954000" y="6188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03141</xdr:rowOff>
    </xdr:from>
    <xdr:ext cx="762000" cy="259045"/>
    <xdr:sp macro="" textlink="">
      <xdr:nvSpPr>
        <xdr:cNvPr id="324" name="テキスト ボックス 323"/>
        <xdr:cNvSpPr txBox="1"/>
      </xdr:nvSpPr>
      <xdr:spPr>
        <a:xfrm>
          <a:off x="12623800" y="6275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5" name="テキスト ボックス 324"/>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6" name="テキスト ボックス 325"/>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7" name="テキスト ボックス 326"/>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8" name="テキスト ボックス 327"/>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9" name="テキスト ボックス 328"/>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5344</xdr:rowOff>
    </xdr:from>
    <xdr:to>
      <xdr:col>82</xdr:col>
      <xdr:colOff>158750</xdr:colOff>
      <xdr:row>37</xdr:row>
      <xdr:rowOff>15494</xdr:rowOff>
    </xdr:to>
    <xdr:sp macro="" textlink="">
      <xdr:nvSpPr>
        <xdr:cNvPr id="330" name="楕円 329"/>
        <xdr:cNvSpPr/>
      </xdr:nvSpPr>
      <xdr:spPr>
        <a:xfrm>
          <a:off x="16459200" y="6257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01871</xdr:rowOff>
    </xdr:from>
    <xdr:ext cx="762000" cy="259045"/>
    <xdr:sp macro="" textlink="">
      <xdr:nvSpPr>
        <xdr:cNvPr id="331" name="補助費等該当値テキスト"/>
        <xdr:cNvSpPr txBox="1"/>
      </xdr:nvSpPr>
      <xdr:spPr>
        <a:xfrm>
          <a:off x="16598900" y="6102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44780</xdr:rowOff>
    </xdr:from>
    <xdr:to>
      <xdr:col>78</xdr:col>
      <xdr:colOff>120650</xdr:colOff>
      <xdr:row>35</xdr:row>
      <xdr:rowOff>74930</xdr:rowOff>
    </xdr:to>
    <xdr:sp macro="" textlink="">
      <xdr:nvSpPr>
        <xdr:cNvPr id="332" name="楕円 331"/>
        <xdr:cNvSpPr/>
      </xdr:nvSpPr>
      <xdr:spPr>
        <a:xfrm>
          <a:off x="156210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85107</xdr:rowOff>
    </xdr:from>
    <xdr:ext cx="736600" cy="259045"/>
    <xdr:sp macro="" textlink="">
      <xdr:nvSpPr>
        <xdr:cNvPr id="333" name="テキスト ボックス 332"/>
        <xdr:cNvSpPr txBox="1"/>
      </xdr:nvSpPr>
      <xdr:spPr>
        <a:xfrm>
          <a:off x="15290800" y="5742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23622</xdr:rowOff>
    </xdr:from>
    <xdr:to>
      <xdr:col>74</xdr:col>
      <xdr:colOff>31750</xdr:colOff>
      <xdr:row>35</xdr:row>
      <xdr:rowOff>125222</xdr:rowOff>
    </xdr:to>
    <xdr:sp macro="" textlink="">
      <xdr:nvSpPr>
        <xdr:cNvPr id="334" name="楕円 333"/>
        <xdr:cNvSpPr/>
      </xdr:nvSpPr>
      <xdr:spPr>
        <a:xfrm>
          <a:off x="147320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35399</xdr:rowOff>
    </xdr:from>
    <xdr:ext cx="762000" cy="259045"/>
    <xdr:sp macro="" textlink="">
      <xdr:nvSpPr>
        <xdr:cNvPr id="335" name="テキスト ボックス 334"/>
        <xdr:cNvSpPr txBox="1"/>
      </xdr:nvSpPr>
      <xdr:spPr>
        <a:xfrm>
          <a:off x="14401800" y="579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51054</xdr:rowOff>
    </xdr:from>
    <xdr:to>
      <xdr:col>69</xdr:col>
      <xdr:colOff>142875</xdr:colOff>
      <xdr:row>35</xdr:row>
      <xdr:rowOff>152654</xdr:rowOff>
    </xdr:to>
    <xdr:sp macro="" textlink="">
      <xdr:nvSpPr>
        <xdr:cNvPr id="336" name="楕円 335"/>
        <xdr:cNvSpPr/>
      </xdr:nvSpPr>
      <xdr:spPr>
        <a:xfrm>
          <a:off x="138430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2831</xdr:rowOff>
    </xdr:from>
    <xdr:ext cx="762000" cy="259045"/>
    <xdr:sp macro="" textlink="">
      <xdr:nvSpPr>
        <xdr:cNvPr id="337" name="テキスト ボックス 336"/>
        <xdr:cNvSpPr txBox="1"/>
      </xdr:nvSpPr>
      <xdr:spPr>
        <a:xfrm>
          <a:off x="13512800" y="5820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92202</xdr:rowOff>
    </xdr:from>
    <xdr:to>
      <xdr:col>65</xdr:col>
      <xdr:colOff>53975</xdr:colOff>
      <xdr:row>36</xdr:row>
      <xdr:rowOff>22352</xdr:rowOff>
    </xdr:to>
    <xdr:sp macro="" textlink="">
      <xdr:nvSpPr>
        <xdr:cNvPr id="338" name="楕円 337"/>
        <xdr:cNvSpPr/>
      </xdr:nvSpPr>
      <xdr:spPr>
        <a:xfrm>
          <a:off x="129540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32529</xdr:rowOff>
    </xdr:from>
    <xdr:ext cx="762000" cy="259045"/>
    <xdr:sp macro="" textlink="">
      <xdr:nvSpPr>
        <xdr:cNvPr id="339" name="テキスト ボックス 338"/>
        <xdr:cNvSpPr txBox="1"/>
      </xdr:nvSpPr>
      <xdr:spPr>
        <a:xfrm>
          <a:off x="12623800" y="586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0" name="正方形/長方形 339"/>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1" name="正方形/長方形 340"/>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2" name="正方形/長方形 341"/>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3" name="正方形/長方形 342"/>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4" name="正方形/長方形 343"/>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5" name="正方形/長方形 344"/>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6" name="正方形/長方形 345"/>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7" name="正方形/長方形 346"/>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8" name="正方形/長方形 347"/>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9" name="正方形/長方形 348"/>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0" name="テキスト ボックス 349"/>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公債費割合が類似団体を</a:t>
          </a:r>
          <a:r>
            <a:rPr kumimoji="1" lang="en-US" altLang="ja-JP" sz="1100">
              <a:solidFill>
                <a:schemeClr val="dk1"/>
              </a:solidFill>
              <a:effectLst/>
              <a:latin typeface="+mn-lt"/>
              <a:ea typeface="+mn-ea"/>
              <a:cs typeface="+mn-cs"/>
            </a:rPr>
            <a:t>3.7</a:t>
          </a:r>
          <a:r>
            <a:rPr kumimoji="1" lang="ja-JP" altLang="ja-JP" sz="1100">
              <a:solidFill>
                <a:schemeClr val="dk1"/>
              </a:solidFill>
              <a:effectLst/>
              <a:latin typeface="+mn-lt"/>
              <a:ea typeface="+mn-ea"/>
              <a:cs typeface="+mn-cs"/>
            </a:rPr>
            <a:t>ポイント下回っており、概ね横ばいで推移している。今後も引き続き、元利償還金の推移を的確に推計し、市の全会計でプライマリーバランスの黒字を維持していく。</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1" name="テキスト ボックス 350"/>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2" name="直線コネクタ 351"/>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3" name="テキスト ボックス 352"/>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4" name="直線コネクタ 353"/>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5" name="テキスト ボックス 354"/>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6" name="直線コネクタ 355"/>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7" name="テキスト ボックス 356"/>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8" name="直線コネクタ 357"/>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9" name="テキスト ボックス 358"/>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0" name="直線コネクタ 359"/>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1" name="テキスト ボックス 360"/>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3"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85852</xdr:rowOff>
    </xdr:from>
    <xdr:to>
      <xdr:col>24</xdr:col>
      <xdr:colOff>25400</xdr:colOff>
      <xdr:row>80</xdr:row>
      <xdr:rowOff>145287</xdr:rowOff>
    </xdr:to>
    <xdr:cxnSp macro="">
      <xdr:nvCxnSpPr>
        <xdr:cNvPr id="364" name="直線コネクタ 363"/>
        <xdr:cNvCxnSpPr/>
      </xdr:nvCxnSpPr>
      <xdr:spPr>
        <a:xfrm flipV="1">
          <a:off x="4826000" y="12773152"/>
          <a:ext cx="0" cy="10881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17364</xdr:rowOff>
    </xdr:from>
    <xdr:ext cx="762000" cy="259045"/>
    <xdr:sp macro="" textlink="">
      <xdr:nvSpPr>
        <xdr:cNvPr id="365" name="公債費最小値テキスト"/>
        <xdr:cNvSpPr txBox="1"/>
      </xdr:nvSpPr>
      <xdr:spPr>
        <a:xfrm>
          <a:off x="4914900" y="13833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5287</xdr:rowOff>
    </xdr:from>
    <xdr:to>
      <xdr:col>24</xdr:col>
      <xdr:colOff>114300</xdr:colOff>
      <xdr:row>80</xdr:row>
      <xdr:rowOff>145287</xdr:rowOff>
    </xdr:to>
    <xdr:cxnSp macro="">
      <xdr:nvCxnSpPr>
        <xdr:cNvPr id="366" name="直線コネクタ 365"/>
        <xdr:cNvCxnSpPr/>
      </xdr:nvCxnSpPr>
      <xdr:spPr>
        <a:xfrm>
          <a:off x="4737100" y="13861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779</xdr:rowOff>
    </xdr:from>
    <xdr:ext cx="762000" cy="259045"/>
    <xdr:sp macro="" textlink="">
      <xdr:nvSpPr>
        <xdr:cNvPr id="367" name="公債費最大値テキスト"/>
        <xdr:cNvSpPr txBox="1"/>
      </xdr:nvSpPr>
      <xdr:spPr>
        <a:xfrm>
          <a:off x="4914900" y="12516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85852</xdr:rowOff>
    </xdr:from>
    <xdr:to>
      <xdr:col>24</xdr:col>
      <xdr:colOff>114300</xdr:colOff>
      <xdr:row>74</xdr:row>
      <xdr:rowOff>85852</xdr:rowOff>
    </xdr:to>
    <xdr:cxnSp macro="">
      <xdr:nvCxnSpPr>
        <xdr:cNvPr id="368" name="直線コネクタ 367"/>
        <xdr:cNvCxnSpPr/>
      </xdr:nvCxnSpPr>
      <xdr:spPr>
        <a:xfrm>
          <a:off x="4737100" y="12773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76708</xdr:rowOff>
    </xdr:from>
    <xdr:to>
      <xdr:col>24</xdr:col>
      <xdr:colOff>25400</xdr:colOff>
      <xdr:row>76</xdr:row>
      <xdr:rowOff>90424</xdr:rowOff>
    </xdr:to>
    <xdr:cxnSp macro="">
      <xdr:nvCxnSpPr>
        <xdr:cNvPr id="369" name="直線コネクタ 368"/>
        <xdr:cNvCxnSpPr/>
      </xdr:nvCxnSpPr>
      <xdr:spPr>
        <a:xfrm>
          <a:off x="3987800" y="13106908"/>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9414</xdr:rowOff>
    </xdr:from>
    <xdr:ext cx="762000" cy="259045"/>
    <xdr:sp macro="" textlink="">
      <xdr:nvSpPr>
        <xdr:cNvPr id="370" name="公債費平均値テキスト"/>
        <xdr:cNvSpPr txBox="1"/>
      </xdr:nvSpPr>
      <xdr:spPr>
        <a:xfrm>
          <a:off x="4914900" y="132110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37337</xdr:rowOff>
    </xdr:from>
    <xdr:to>
      <xdr:col>24</xdr:col>
      <xdr:colOff>76200</xdr:colOff>
      <xdr:row>77</xdr:row>
      <xdr:rowOff>138937</xdr:rowOff>
    </xdr:to>
    <xdr:sp macro="" textlink="">
      <xdr:nvSpPr>
        <xdr:cNvPr id="371" name="フローチャート: 判断 370"/>
        <xdr:cNvSpPr/>
      </xdr:nvSpPr>
      <xdr:spPr>
        <a:xfrm>
          <a:off x="47752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67563</xdr:rowOff>
    </xdr:from>
    <xdr:to>
      <xdr:col>19</xdr:col>
      <xdr:colOff>187325</xdr:colOff>
      <xdr:row>76</xdr:row>
      <xdr:rowOff>76708</xdr:rowOff>
    </xdr:to>
    <xdr:cxnSp macro="">
      <xdr:nvCxnSpPr>
        <xdr:cNvPr id="372" name="直線コネクタ 371"/>
        <xdr:cNvCxnSpPr/>
      </xdr:nvCxnSpPr>
      <xdr:spPr>
        <a:xfrm>
          <a:off x="3098800" y="13097763"/>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46482</xdr:rowOff>
    </xdr:from>
    <xdr:to>
      <xdr:col>20</xdr:col>
      <xdr:colOff>38100</xdr:colOff>
      <xdr:row>77</xdr:row>
      <xdr:rowOff>148082</xdr:rowOff>
    </xdr:to>
    <xdr:sp macro="" textlink="">
      <xdr:nvSpPr>
        <xdr:cNvPr id="373" name="フローチャート: 判断 372"/>
        <xdr:cNvSpPr/>
      </xdr:nvSpPr>
      <xdr:spPr>
        <a:xfrm>
          <a:off x="3937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2859</xdr:rowOff>
    </xdr:from>
    <xdr:ext cx="736600" cy="259045"/>
    <xdr:sp macro="" textlink="">
      <xdr:nvSpPr>
        <xdr:cNvPr id="374" name="テキスト ボックス 373"/>
        <xdr:cNvSpPr txBox="1"/>
      </xdr:nvSpPr>
      <xdr:spPr>
        <a:xfrm>
          <a:off x="3606800" y="133345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62992</xdr:rowOff>
    </xdr:from>
    <xdr:to>
      <xdr:col>15</xdr:col>
      <xdr:colOff>98425</xdr:colOff>
      <xdr:row>76</xdr:row>
      <xdr:rowOff>67563</xdr:rowOff>
    </xdr:to>
    <xdr:cxnSp macro="">
      <xdr:nvCxnSpPr>
        <xdr:cNvPr id="375" name="直線コネクタ 374"/>
        <xdr:cNvCxnSpPr/>
      </xdr:nvCxnSpPr>
      <xdr:spPr>
        <a:xfrm>
          <a:off x="2209800" y="13093192"/>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55626</xdr:rowOff>
    </xdr:from>
    <xdr:to>
      <xdr:col>15</xdr:col>
      <xdr:colOff>149225</xdr:colOff>
      <xdr:row>77</xdr:row>
      <xdr:rowOff>157226</xdr:rowOff>
    </xdr:to>
    <xdr:sp macro="" textlink="">
      <xdr:nvSpPr>
        <xdr:cNvPr id="376" name="フローチャート: 判断 375"/>
        <xdr:cNvSpPr/>
      </xdr:nvSpPr>
      <xdr:spPr>
        <a:xfrm>
          <a:off x="3048000" y="13257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42003</xdr:rowOff>
    </xdr:from>
    <xdr:ext cx="762000" cy="259045"/>
    <xdr:sp macro="" textlink="">
      <xdr:nvSpPr>
        <xdr:cNvPr id="377" name="テキスト ボックス 376"/>
        <xdr:cNvSpPr txBox="1"/>
      </xdr:nvSpPr>
      <xdr:spPr>
        <a:xfrm>
          <a:off x="2717800" y="13343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62992</xdr:rowOff>
    </xdr:from>
    <xdr:to>
      <xdr:col>11</xdr:col>
      <xdr:colOff>9525</xdr:colOff>
      <xdr:row>76</xdr:row>
      <xdr:rowOff>76708</xdr:rowOff>
    </xdr:to>
    <xdr:cxnSp macro="">
      <xdr:nvCxnSpPr>
        <xdr:cNvPr id="378" name="直線コネクタ 377"/>
        <xdr:cNvCxnSpPr/>
      </xdr:nvCxnSpPr>
      <xdr:spPr>
        <a:xfrm flipV="1">
          <a:off x="1320800" y="1309319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9342</xdr:rowOff>
    </xdr:from>
    <xdr:to>
      <xdr:col>11</xdr:col>
      <xdr:colOff>60325</xdr:colOff>
      <xdr:row>77</xdr:row>
      <xdr:rowOff>170942</xdr:rowOff>
    </xdr:to>
    <xdr:sp macro="" textlink="">
      <xdr:nvSpPr>
        <xdr:cNvPr id="379" name="フローチャート: 判断 378"/>
        <xdr:cNvSpPr/>
      </xdr:nvSpPr>
      <xdr:spPr>
        <a:xfrm>
          <a:off x="2159000" y="1327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55719</xdr:rowOff>
    </xdr:from>
    <xdr:ext cx="762000" cy="259045"/>
    <xdr:sp macro="" textlink="">
      <xdr:nvSpPr>
        <xdr:cNvPr id="380" name="テキスト ボックス 379"/>
        <xdr:cNvSpPr txBox="1"/>
      </xdr:nvSpPr>
      <xdr:spPr>
        <a:xfrm>
          <a:off x="1828800" y="13357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3913</xdr:rowOff>
    </xdr:from>
    <xdr:to>
      <xdr:col>6</xdr:col>
      <xdr:colOff>171450</xdr:colOff>
      <xdr:row>78</xdr:row>
      <xdr:rowOff>4063</xdr:rowOff>
    </xdr:to>
    <xdr:sp macro="" textlink="">
      <xdr:nvSpPr>
        <xdr:cNvPr id="381" name="フローチャート: 判断 380"/>
        <xdr:cNvSpPr/>
      </xdr:nvSpPr>
      <xdr:spPr>
        <a:xfrm>
          <a:off x="1270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0290</xdr:rowOff>
    </xdr:from>
    <xdr:ext cx="762000" cy="259045"/>
    <xdr:sp macro="" textlink="">
      <xdr:nvSpPr>
        <xdr:cNvPr id="382" name="テキスト ボックス 381"/>
        <xdr:cNvSpPr txBox="1"/>
      </xdr:nvSpPr>
      <xdr:spPr>
        <a:xfrm>
          <a:off x="939800" y="13361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3" name="テキスト ボックス 382"/>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4" name="テキスト ボックス 383"/>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5" name="テキスト ボックス 384"/>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6" name="テキスト ボックス 385"/>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7" name="テキスト ボックス 386"/>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9624</xdr:rowOff>
    </xdr:from>
    <xdr:to>
      <xdr:col>24</xdr:col>
      <xdr:colOff>76200</xdr:colOff>
      <xdr:row>76</xdr:row>
      <xdr:rowOff>141224</xdr:rowOff>
    </xdr:to>
    <xdr:sp macro="" textlink="">
      <xdr:nvSpPr>
        <xdr:cNvPr id="388" name="楕円 387"/>
        <xdr:cNvSpPr/>
      </xdr:nvSpPr>
      <xdr:spPr>
        <a:xfrm>
          <a:off x="47752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6151</xdr:rowOff>
    </xdr:from>
    <xdr:ext cx="762000" cy="259045"/>
    <xdr:sp macro="" textlink="">
      <xdr:nvSpPr>
        <xdr:cNvPr id="389" name="公債費該当値テキスト"/>
        <xdr:cNvSpPr txBox="1"/>
      </xdr:nvSpPr>
      <xdr:spPr>
        <a:xfrm>
          <a:off x="4914900" y="1291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25908</xdr:rowOff>
    </xdr:from>
    <xdr:to>
      <xdr:col>20</xdr:col>
      <xdr:colOff>38100</xdr:colOff>
      <xdr:row>76</xdr:row>
      <xdr:rowOff>127508</xdr:rowOff>
    </xdr:to>
    <xdr:sp macro="" textlink="">
      <xdr:nvSpPr>
        <xdr:cNvPr id="390" name="楕円 389"/>
        <xdr:cNvSpPr/>
      </xdr:nvSpPr>
      <xdr:spPr>
        <a:xfrm>
          <a:off x="3937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37685</xdr:rowOff>
    </xdr:from>
    <xdr:ext cx="736600" cy="259045"/>
    <xdr:sp macro="" textlink="">
      <xdr:nvSpPr>
        <xdr:cNvPr id="391" name="テキスト ボックス 390"/>
        <xdr:cNvSpPr txBox="1"/>
      </xdr:nvSpPr>
      <xdr:spPr>
        <a:xfrm>
          <a:off x="3606800" y="12824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6763</xdr:rowOff>
    </xdr:from>
    <xdr:to>
      <xdr:col>15</xdr:col>
      <xdr:colOff>149225</xdr:colOff>
      <xdr:row>76</xdr:row>
      <xdr:rowOff>118363</xdr:rowOff>
    </xdr:to>
    <xdr:sp macro="" textlink="">
      <xdr:nvSpPr>
        <xdr:cNvPr id="392" name="楕円 391"/>
        <xdr:cNvSpPr/>
      </xdr:nvSpPr>
      <xdr:spPr>
        <a:xfrm>
          <a:off x="3048000" y="1304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28541</xdr:rowOff>
    </xdr:from>
    <xdr:ext cx="762000" cy="259045"/>
    <xdr:sp macro="" textlink="">
      <xdr:nvSpPr>
        <xdr:cNvPr id="393" name="テキスト ボックス 392"/>
        <xdr:cNvSpPr txBox="1"/>
      </xdr:nvSpPr>
      <xdr:spPr>
        <a:xfrm>
          <a:off x="2717800" y="12815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2192</xdr:rowOff>
    </xdr:from>
    <xdr:to>
      <xdr:col>11</xdr:col>
      <xdr:colOff>60325</xdr:colOff>
      <xdr:row>76</xdr:row>
      <xdr:rowOff>113792</xdr:rowOff>
    </xdr:to>
    <xdr:sp macro="" textlink="">
      <xdr:nvSpPr>
        <xdr:cNvPr id="394" name="楕円 393"/>
        <xdr:cNvSpPr/>
      </xdr:nvSpPr>
      <xdr:spPr>
        <a:xfrm>
          <a:off x="2159000" y="1304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23969</xdr:rowOff>
    </xdr:from>
    <xdr:ext cx="762000" cy="259045"/>
    <xdr:sp macro="" textlink="">
      <xdr:nvSpPr>
        <xdr:cNvPr id="395" name="テキスト ボックス 394"/>
        <xdr:cNvSpPr txBox="1"/>
      </xdr:nvSpPr>
      <xdr:spPr>
        <a:xfrm>
          <a:off x="1828800" y="12811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25908</xdr:rowOff>
    </xdr:from>
    <xdr:to>
      <xdr:col>6</xdr:col>
      <xdr:colOff>171450</xdr:colOff>
      <xdr:row>76</xdr:row>
      <xdr:rowOff>127508</xdr:rowOff>
    </xdr:to>
    <xdr:sp macro="" textlink="">
      <xdr:nvSpPr>
        <xdr:cNvPr id="396" name="楕円 395"/>
        <xdr:cNvSpPr/>
      </xdr:nvSpPr>
      <xdr:spPr>
        <a:xfrm>
          <a:off x="1270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37685</xdr:rowOff>
    </xdr:from>
    <xdr:ext cx="762000" cy="259045"/>
    <xdr:sp macro="" textlink="">
      <xdr:nvSpPr>
        <xdr:cNvPr id="397" name="テキスト ボックス 396"/>
        <xdr:cNvSpPr txBox="1"/>
      </xdr:nvSpPr>
      <xdr:spPr>
        <a:xfrm>
          <a:off x="939800" y="12824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8" name="正方形/長方形 397"/>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9" name="正方形/長方形 398"/>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0" name="正方形/長方形 399"/>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1" name="正方形/長方形 400"/>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2" name="正方形/長方形 401"/>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3" name="正方形/長方形 402"/>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4" name="正方形/長方形 403"/>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5" name="正方形/長方形 404"/>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6" name="正方形/長方形 405"/>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7" name="正方形/長方形 406"/>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8" name="テキスト ボックス 407"/>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公債費以外の割合が類似団体平均を上回っているのは主に</a:t>
          </a:r>
          <a:r>
            <a:rPr kumimoji="1" lang="ja-JP" altLang="en-US" sz="1100">
              <a:solidFill>
                <a:schemeClr val="dk1"/>
              </a:solidFill>
              <a:effectLst/>
              <a:latin typeface="+mn-lt"/>
              <a:ea typeface="+mn-ea"/>
              <a:cs typeface="+mn-cs"/>
            </a:rPr>
            <a:t>人件費</a:t>
          </a:r>
          <a:r>
            <a:rPr kumimoji="1" lang="ja-JP" altLang="ja-JP" sz="1100">
              <a:solidFill>
                <a:schemeClr val="dk1"/>
              </a:solidFill>
              <a:effectLst/>
              <a:latin typeface="+mn-lt"/>
              <a:ea typeface="+mn-ea"/>
              <a:cs typeface="+mn-cs"/>
            </a:rPr>
            <a:t>と</a:t>
          </a:r>
          <a:r>
            <a:rPr kumimoji="1" lang="ja-JP" altLang="en-US" sz="1100">
              <a:solidFill>
                <a:schemeClr val="dk1"/>
              </a:solidFill>
              <a:effectLst/>
              <a:latin typeface="+mn-lt"/>
              <a:ea typeface="+mn-ea"/>
              <a:cs typeface="+mn-cs"/>
            </a:rPr>
            <a:t>扶助費の</a:t>
          </a:r>
          <a:r>
            <a:rPr kumimoji="1" lang="ja-JP" altLang="ja-JP" sz="1100">
              <a:solidFill>
                <a:schemeClr val="dk1"/>
              </a:solidFill>
              <a:effectLst/>
              <a:latin typeface="+mn-lt"/>
              <a:ea typeface="+mn-ea"/>
              <a:cs typeface="+mn-cs"/>
            </a:rPr>
            <a:t>ためである。その増要因はそれぞれの項目のとおりで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09" name="テキスト ボックス 408"/>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0" name="直線コネクタ 409"/>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1" name="テキスト ボックス 410"/>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2" name="直線コネクタ 411"/>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3" name="テキスト ボックス 412"/>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4" name="直線コネクタ 413"/>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5" name="テキスト ボックス 414"/>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6" name="直線コネクタ 415"/>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7" name="テキスト ボックス 416"/>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8" name="直線コネクタ 417"/>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9" name="テキスト ボックス 418"/>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0" name="直線コネクタ 41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1" name="テキスト ボックス 42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54432</xdr:rowOff>
    </xdr:from>
    <xdr:to>
      <xdr:col>82</xdr:col>
      <xdr:colOff>107950</xdr:colOff>
      <xdr:row>81</xdr:row>
      <xdr:rowOff>147574</xdr:rowOff>
    </xdr:to>
    <xdr:cxnSp macro="">
      <xdr:nvCxnSpPr>
        <xdr:cNvPr id="423" name="直線コネクタ 422"/>
        <xdr:cNvCxnSpPr/>
      </xdr:nvCxnSpPr>
      <xdr:spPr>
        <a:xfrm flipV="1">
          <a:off x="16510000" y="12841732"/>
          <a:ext cx="0" cy="1193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19651</xdr:rowOff>
    </xdr:from>
    <xdr:ext cx="762000" cy="259045"/>
    <xdr:sp macro="" textlink="">
      <xdr:nvSpPr>
        <xdr:cNvPr id="424" name="公債費以外最小値テキスト"/>
        <xdr:cNvSpPr txBox="1"/>
      </xdr:nvSpPr>
      <xdr:spPr>
        <a:xfrm>
          <a:off x="16598900" y="14007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47574</xdr:rowOff>
    </xdr:from>
    <xdr:to>
      <xdr:col>82</xdr:col>
      <xdr:colOff>196850</xdr:colOff>
      <xdr:row>81</xdr:row>
      <xdr:rowOff>147574</xdr:rowOff>
    </xdr:to>
    <xdr:cxnSp macro="">
      <xdr:nvCxnSpPr>
        <xdr:cNvPr id="425" name="直線コネクタ 424"/>
        <xdr:cNvCxnSpPr/>
      </xdr:nvCxnSpPr>
      <xdr:spPr>
        <a:xfrm>
          <a:off x="16421100" y="14035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69359</xdr:rowOff>
    </xdr:from>
    <xdr:ext cx="762000" cy="259045"/>
    <xdr:sp macro="" textlink="">
      <xdr:nvSpPr>
        <xdr:cNvPr id="426" name="公債費以外最大値テキスト"/>
        <xdr:cNvSpPr txBox="1"/>
      </xdr:nvSpPr>
      <xdr:spPr>
        <a:xfrm>
          <a:off x="16598900" y="12585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54432</xdr:rowOff>
    </xdr:from>
    <xdr:to>
      <xdr:col>82</xdr:col>
      <xdr:colOff>196850</xdr:colOff>
      <xdr:row>74</xdr:row>
      <xdr:rowOff>154432</xdr:rowOff>
    </xdr:to>
    <xdr:cxnSp macro="">
      <xdr:nvCxnSpPr>
        <xdr:cNvPr id="427" name="直線コネクタ 426"/>
        <xdr:cNvCxnSpPr/>
      </xdr:nvCxnSpPr>
      <xdr:spPr>
        <a:xfrm>
          <a:off x="16421100" y="12841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70435</xdr:rowOff>
    </xdr:from>
    <xdr:to>
      <xdr:col>82</xdr:col>
      <xdr:colOff>107950</xdr:colOff>
      <xdr:row>80</xdr:row>
      <xdr:rowOff>90424</xdr:rowOff>
    </xdr:to>
    <xdr:cxnSp macro="">
      <xdr:nvCxnSpPr>
        <xdr:cNvPr id="428" name="直線コネクタ 427"/>
        <xdr:cNvCxnSpPr/>
      </xdr:nvCxnSpPr>
      <xdr:spPr>
        <a:xfrm>
          <a:off x="15671800" y="13714985"/>
          <a:ext cx="8382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9585</xdr:rowOff>
    </xdr:from>
    <xdr:ext cx="762000" cy="259045"/>
    <xdr:sp macro="" textlink="">
      <xdr:nvSpPr>
        <xdr:cNvPr id="429" name="公債費以外平均値テキスト"/>
        <xdr:cNvSpPr txBox="1"/>
      </xdr:nvSpPr>
      <xdr:spPr>
        <a:xfrm>
          <a:off x="16598900" y="131297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83058</xdr:rowOff>
    </xdr:from>
    <xdr:to>
      <xdr:col>82</xdr:col>
      <xdr:colOff>158750</xdr:colOff>
      <xdr:row>78</xdr:row>
      <xdr:rowOff>13208</xdr:rowOff>
    </xdr:to>
    <xdr:sp macro="" textlink="">
      <xdr:nvSpPr>
        <xdr:cNvPr id="430" name="フローチャート: 判断 429"/>
        <xdr:cNvSpPr/>
      </xdr:nvSpPr>
      <xdr:spPr>
        <a:xfrm>
          <a:off x="16459200" y="13284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70435</xdr:rowOff>
    </xdr:from>
    <xdr:to>
      <xdr:col>78</xdr:col>
      <xdr:colOff>69850</xdr:colOff>
      <xdr:row>80</xdr:row>
      <xdr:rowOff>30987</xdr:rowOff>
    </xdr:to>
    <xdr:cxnSp macro="">
      <xdr:nvCxnSpPr>
        <xdr:cNvPr id="431" name="直線コネクタ 430"/>
        <xdr:cNvCxnSpPr/>
      </xdr:nvCxnSpPr>
      <xdr:spPr>
        <a:xfrm flipV="1">
          <a:off x="14782800" y="13714985"/>
          <a:ext cx="889000" cy="32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83058</xdr:rowOff>
    </xdr:from>
    <xdr:to>
      <xdr:col>78</xdr:col>
      <xdr:colOff>120650</xdr:colOff>
      <xdr:row>78</xdr:row>
      <xdr:rowOff>13208</xdr:rowOff>
    </xdr:to>
    <xdr:sp macro="" textlink="">
      <xdr:nvSpPr>
        <xdr:cNvPr id="432" name="フローチャート: 判断 431"/>
        <xdr:cNvSpPr/>
      </xdr:nvSpPr>
      <xdr:spPr>
        <a:xfrm>
          <a:off x="15621000" y="13284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23385</xdr:rowOff>
    </xdr:from>
    <xdr:ext cx="736600" cy="259045"/>
    <xdr:sp macro="" textlink="">
      <xdr:nvSpPr>
        <xdr:cNvPr id="433" name="テキスト ボックス 432"/>
        <xdr:cNvSpPr txBox="1"/>
      </xdr:nvSpPr>
      <xdr:spPr>
        <a:xfrm>
          <a:off x="15290800" y="130535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61289</xdr:rowOff>
    </xdr:from>
    <xdr:to>
      <xdr:col>73</xdr:col>
      <xdr:colOff>180975</xdr:colOff>
      <xdr:row>80</xdr:row>
      <xdr:rowOff>30987</xdr:rowOff>
    </xdr:to>
    <xdr:cxnSp macro="">
      <xdr:nvCxnSpPr>
        <xdr:cNvPr id="434" name="直線コネクタ 433"/>
        <xdr:cNvCxnSpPr/>
      </xdr:nvCxnSpPr>
      <xdr:spPr>
        <a:xfrm>
          <a:off x="13893800" y="13705839"/>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46482</xdr:rowOff>
    </xdr:from>
    <xdr:to>
      <xdr:col>74</xdr:col>
      <xdr:colOff>31750</xdr:colOff>
      <xdr:row>77</xdr:row>
      <xdr:rowOff>148082</xdr:rowOff>
    </xdr:to>
    <xdr:sp macro="" textlink="">
      <xdr:nvSpPr>
        <xdr:cNvPr id="435" name="フローチャート: 判断 434"/>
        <xdr:cNvSpPr/>
      </xdr:nvSpPr>
      <xdr:spPr>
        <a:xfrm>
          <a:off x="14732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58259</xdr:rowOff>
    </xdr:from>
    <xdr:ext cx="762000" cy="259045"/>
    <xdr:sp macro="" textlink="">
      <xdr:nvSpPr>
        <xdr:cNvPr id="436" name="テキスト ボックス 435"/>
        <xdr:cNvSpPr txBox="1"/>
      </xdr:nvSpPr>
      <xdr:spPr>
        <a:xfrm>
          <a:off x="14401800" y="130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61289</xdr:rowOff>
    </xdr:from>
    <xdr:to>
      <xdr:col>69</xdr:col>
      <xdr:colOff>92075</xdr:colOff>
      <xdr:row>80</xdr:row>
      <xdr:rowOff>94996</xdr:rowOff>
    </xdr:to>
    <xdr:cxnSp macro="">
      <xdr:nvCxnSpPr>
        <xdr:cNvPr id="437" name="直線コネクタ 436"/>
        <xdr:cNvCxnSpPr/>
      </xdr:nvCxnSpPr>
      <xdr:spPr>
        <a:xfrm flipV="1">
          <a:off x="13004800" y="13705839"/>
          <a:ext cx="889000" cy="105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41911</xdr:rowOff>
    </xdr:from>
    <xdr:to>
      <xdr:col>69</xdr:col>
      <xdr:colOff>142875</xdr:colOff>
      <xdr:row>77</xdr:row>
      <xdr:rowOff>143511</xdr:rowOff>
    </xdr:to>
    <xdr:sp macro="" textlink="">
      <xdr:nvSpPr>
        <xdr:cNvPr id="438" name="フローチャート: 判断 437"/>
        <xdr:cNvSpPr/>
      </xdr:nvSpPr>
      <xdr:spPr>
        <a:xfrm>
          <a:off x="13843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53688</xdr:rowOff>
    </xdr:from>
    <xdr:ext cx="762000" cy="259045"/>
    <xdr:sp macro="" textlink="">
      <xdr:nvSpPr>
        <xdr:cNvPr id="439" name="テキスト ボックス 438"/>
        <xdr:cNvSpPr txBox="1"/>
      </xdr:nvSpPr>
      <xdr:spPr>
        <a:xfrm>
          <a:off x="13512800" y="13012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9050</xdr:rowOff>
    </xdr:from>
    <xdr:to>
      <xdr:col>65</xdr:col>
      <xdr:colOff>53975</xdr:colOff>
      <xdr:row>77</xdr:row>
      <xdr:rowOff>120650</xdr:rowOff>
    </xdr:to>
    <xdr:sp macro="" textlink="">
      <xdr:nvSpPr>
        <xdr:cNvPr id="440" name="フローチャート: 判断 439"/>
        <xdr:cNvSpPr/>
      </xdr:nvSpPr>
      <xdr:spPr>
        <a:xfrm>
          <a:off x="12954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30827</xdr:rowOff>
    </xdr:from>
    <xdr:ext cx="762000" cy="259045"/>
    <xdr:sp macro="" textlink="">
      <xdr:nvSpPr>
        <xdr:cNvPr id="441" name="テキスト ボックス 440"/>
        <xdr:cNvSpPr txBox="1"/>
      </xdr:nvSpPr>
      <xdr:spPr>
        <a:xfrm>
          <a:off x="12623800" y="1298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2" name="テキスト ボックス 44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3" name="テキスト ボックス 44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4" name="テキスト ボックス 44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5" name="テキスト ボックス 44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6" name="テキスト ボックス 44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39624</xdr:rowOff>
    </xdr:from>
    <xdr:to>
      <xdr:col>82</xdr:col>
      <xdr:colOff>158750</xdr:colOff>
      <xdr:row>80</xdr:row>
      <xdr:rowOff>141224</xdr:rowOff>
    </xdr:to>
    <xdr:sp macro="" textlink="">
      <xdr:nvSpPr>
        <xdr:cNvPr id="447" name="楕円 446"/>
        <xdr:cNvSpPr/>
      </xdr:nvSpPr>
      <xdr:spPr>
        <a:xfrm>
          <a:off x="16459200" y="13755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11701</xdr:rowOff>
    </xdr:from>
    <xdr:ext cx="762000" cy="259045"/>
    <xdr:sp macro="" textlink="">
      <xdr:nvSpPr>
        <xdr:cNvPr id="448" name="公債費以外該当値テキスト"/>
        <xdr:cNvSpPr txBox="1"/>
      </xdr:nvSpPr>
      <xdr:spPr>
        <a:xfrm>
          <a:off x="16598900" y="13727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19635</xdr:rowOff>
    </xdr:from>
    <xdr:to>
      <xdr:col>78</xdr:col>
      <xdr:colOff>120650</xdr:colOff>
      <xdr:row>80</xdr:row>
      <xdr:rowOff>49785</xdr:rowOff>
    </xdr:to>
    <xdr:sp macro="" textlink="">
      <xdr:nvSpPr>
        <xdr:cNvPr id="449" name="楕円 448"/>
        <xdr:cNvSpPr/>
      </xdr:nvSpPr>
      <xdr:spPr>
        <a:xfrm>
          <a:off x="15621000" y="13664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34562</xdr:rowOff>
    </xdr:from>
    <xdr:ext cx="736600" cy="259045"/>
    <xdr:sp macro="" textlink="">
      <xdr:nvSpPr>
        <xdr:cNvPr id="450" name="テキスト ボックス 449"/>
        <xdr:cNvSpPr txBox="1"/>
      </xdr:nvSpPr>
      <xdr:spPr>
        <a:xfrm>
          <a:off x="15290800" y="137505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51637</xdr:rowOff>
    </xdr:from>
    <xdr:to>
      <xdr:col>74</xdr:col>
      <xdr:colOff>31750</xdr:colOff>
      <xdr:row>80</xdr:row>
      <xdr:rowOff>81787</xdr:rowOff>
    </xdr:to>
    <xdr:sp macro="" textlink="">
      <xdr:nvSpPr>
        <xdr:cNvPr id="451" name="楕円 450"/>
        <xdr:cNvSpPr/>
      </xdr:nvSpPr>
      <xdr:spPr>
        <a:xfrm>
          <a:off x="14732000" y="1369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66564</xdr:rowOff>
    </xdr:from>
    <xdr:ext cx="762000" cy="259045"/>
    <xdr:sp macro="" textlink="">
      <xdr:nvSpPr>
        <xdr:cNvPr id="452" name="テキスト ボックス 451"/>
        <xdr:cNvSpPr txBox="1"/>
      </xdr:nvSpPr>
      <xdr:spPr>
        <a:xfrm>
          <a:off x="14401800" y="137825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10489</xdr:rowOff>
    </xdr:from>
    <xdr:to>
      <xdr:col>69</xdr:col>
      <xdr:colOff>142875</xdr:colOff>
      <xdr:row>80</xdr:row>
      <xdr:rowOff>40639</xdr:rowOff>
    </xdr:to>
    <xdr:sp macro="" textlink="">
      <xdr:nvSpPr>
        <xdr:cNvPr id="453" name="楕円 452"/>
        <xdr:cNvSpPr/>
      </xdr:nvSpPr>
      <xdr:spPr>
        <a:xfrm>
          <a:off x="13843000" y="1365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25416</xdr:rowOff>
    </xdr:from>
    <xdr:ext cx="762000" cy="259045"/>
    <xdr:sp macro="" textlink="">
      <xdr:nvSpPr>
        <xdr:cNvPr id="454" name="テキスト ボックス 453"/>
        <xdr:cNvSpPr txBox="1"/>
      </xdr:nvSpPr>
      <xdr:spPr>
        <a:xfrm>
          <a:off x="13512800" y="13741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44196</xdr:rowOff>
    </xdr:from>
    <xdr:to>
      <xdr:col>65</xdr:col>
      <xdr:colOff>53975</xdr:colOff>
      <xdr:row>80</xdr:row>
      <xdr:rowOff>145796</xdr:rowOff>
    </xdr:to>
    <xdr:sp macro="" textlink="">
      <xdr:nvSpPr>
        <xdr:cNvPr id="455" name="楕円 454"/>
        <xdr:cNvSpPr/>
      </xdr:nvSpPr>
      <xdr:spPr>
        <a:xfrm>
          <a:off x="12954000" y="13760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30573</xdr:rowOff>
    </xdr:from>
    <xdr:ext cx="762000" cy="259045"/>
    <xdr:sp macro="" textlink="">
      <xdr:nvSpPr>
        <xdr:cNvPr id="456" name="テキスト ボックス 455"/>
        <xdr:cNvSpPr txBox="1"/>
      </xdr:nvSpPr>
      <xdr:spPr>
        <a:xfrm>
          <a:off x="12623800" y="13846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3952</xdr:rowOff>
    </xdr:from>
    <xdr:to>
      <xdr:col>29</xdr:col>
      <xdr:colOff>127000</xdr:colOff>
      <xdr:row>20</xdr:row>
      <xdr:rowOff>20222</xdr:rowOff>
    </xdr:to>
    <xdr:cxnSp macro="">
      <xdr:nvCxnSpPr>
        <xdr:cNvPr id="47" name="直線コネクタ 46"/>
        <xdr:cNvCxnSpPr/>
      </xdr:nvCxnSpPr>
      <xdr:spPr bwMode="auto">
        <a:xfrm flipV="1">
          <a:off x="5651500" y="1947527"/>
          <a:ext cx="0" cy="154932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3749</xdr:rowOff>
    </xdr:from>
    <xdr:ext cx="762000" cy="259045"/>
    <xdr:sp macro="" textlink="">
      <xdr:nvSpPr>
        <xdr:cNvPr id="48" name="人口1人当たり決算額の推移最小値テキスト130"/>
        <xdr:cNvSpPr txBox="1"/>
      </xdr:nvSpPr>
      <xdr:spPr>
        <a:xfrm>
          <a:off x="5740400" y="3468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0222</xdr:rowOff>
    </xdr:from>
    <xdr:to>
      <xdr:col>30</xdr:col>
      <xdr:colOff>25400</xdr:colOff>
      <xdr:row>20</xdr:row>
      <xdr:rowOff>20222</xdr:rowOff>
    </xdr:to>
    <xdr:cxnSp macro="">
      <xdr:nvCxnSpPr>
        <xdr:cNvPr id="49" name="直線コネクタ 48"/>
        <xdr:cNvCxnSpPr/>
      </xdr:nvCxnSpPr>
      <xdr:spPr bwMode="auto">
        <a:xfrm>
          <a:off x="5562600" y="349684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00329</xdr:rowOff>
    </xdr:from>
    <xdr:ext cx="762000" cy="259045"/>
    <xdr:sp macro="" textlink="">
      <xdr:nvSpPr>
        <xdr:cNvPr id="50" name="人口1人当たり決算額の推移最大値テキスト130"/>
        <xdr:cNvSpPr txBox="1"/>
      </xdr:nvSpPr>
      <xdr:spPr>
        <a:xfrm>
          <a:off x="5740400" y="1691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3952</xdr:rowOff>
    </xdr:from>
    <xdr:to>
      <xdr:col>30</xdr:col>
      <xdr:colOff>25400</xdr:colOff>
      <xdr:row>11</xdr:row>
      <xdr:rowOff>13952</xdr:rowOff>
    </xdr:to>
    <xdr:cxnSp macro="">
      <xdr:nvCxnSpPr>
        <xdr:cNvPr id="51" name="直線コネクタ 50"/>
        <xdr:cNvCxnSpPr/>
      </xdr:nvCxnSpPr>
      <xdr:spPr bwMode="auto">
        <a:xfrm>
          <a:off x="5562600" y="19475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41772</xdr:rowOff>
    </xdr:from>
    <xdr:to>
      <xdr:col>29</xdr:col>
      <xdr:colOff>127000</xdr:colOff>
      <xdr:row>18</xdr:row>
      <xdr:rowOff>7388</xdr:rowOff>
    </xdr:to>
    <xdr:cxnSp macro="">
      <xdr:nvCxnSpPr>
        <xdr:cNvPr id="52" name="直線コネクタ 51"/>
        <xdr:cNvCxnSpPr/>
      </xdr:nvCxnSpPr>
      <xdr:spPr bwMode="auto">
        <a:xfrm flipV="1">
          <a:off x="5003800" y="3104047"/>
          <a:ext cx="647700" cy="370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135</xdr:rowOff>
    </xdr:from>
    <xdr:ext cx="762000" cy="259045"/>
    <xdr:sp macro="" textlink="">
      <xdr:nvSpPr>
        <xdr:cNvPr id="53" name="人口1人当たり決算額の推移平均値テキスト130"/>
        <xdr:cNvSpPr txBox="1"/>
      </xdr:nvSpPr>
      <xdr:spPr>
        <a:xfrm>
          <a:off x="5740400" y="27919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56058</xdr:rowOff>
    </xdr:from>
    <xdr:to>
      <xdr:col>29</xdr:col>
      <xdr:colOff>177800</xdr:colOff>
      <xdr:row>17</xdr:row>
      <xdr:rowOff>86208</xdr:rowOff>
    </xdr:to>
    <xdr:sp macro="" textlink="">
      <xdr:nvSpPr>
        <xdr:cNvPr id="54" name="フローチャート: 判断 53"/>
        <xdr:cNvSpPr/>
      </xdr:nvSpPr>
      <xdr:spPr bwMode="auto">
        <a:xfrm>
          <a:off x="5600700" y="294688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48940</xdr:rowOff>
    </xdr:from>
    <xdr:to>
      <xdr:col>26</xdr:col>
      <xdr:colOff>50800</xdr:colOff>
      <xdr:row>18</xdr:row>
      <xdr:rowOff>7388</xdr:rowOff>
    </xdr:to>
    <xdr:cxnSp macro="">
      <xdr:nvCxnSpPr>
        <xdr:cNvPr id="55" name="直線コネクタ 54"/>
        <xdr:cNvCxnSpPr/>
      </xdr:nvCxnSpPr>
      <xdr:spPr bwMode="auto">
        <a:xfrm>
          <a:off x="4305300" y="3111215"/>
          <a:ext cx="698500" cy="298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1533</xdr:rowOff>
    </xdr:from>
    <xdr:to>
      <xdr:col>26</xdr:col>
      <xdr:colOff>101600</xdr:colOff>
      <xdr:row>17</xdr:row>
      <xdr:rowOff>113133</xdr:rowOff>
    </xdr:to>
    <xdr:sp macro="" textlink="">
      <xdr:nvSpPr>
        <xdr:cNvPr id="56" name="フローチャート: 判断 55"/>
        <xdr:cNvSpPr/>
      </xdr:nvSpPr>
      <xdr:spPr bwMode="auto">
        <a:xfrm>
          <a:off x="4953000" y="29738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23310</xdr:rowOff>
    </xdr:from>
    <xdr:ext cx="736600" cy="259045"/>
    <xdr:sp macro="" textlink="">
      <xdr:nvSpPr>
        <xdr:cNvPr id="57" name="テキスト ボックス 56"/>
        <xdr:cNvSpPr txBox="1"/>
      </xdr:nvSpPr>
      <xdr:spPr>
        <a:xfrm>
          <a:off x="4622800" y="2742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48940</xdr:rowOff>
    </xdr:from>
    <xdr:to>
      <xdr:col>22</xdr:col>
      <xdr:colOff>114300</xdr:colOff>
      <xdr:row>17</xdr:row>
      <xdr:rowOff>161644</xdr:rowOff>
    </xdr:to>
    <xdr:cxnSp macro="">
      <xdr:nvCxnSpPr>
        <xdr:cNvPr id="58" name="直線コネクタ 57"/>
        <xdr:cNvCxnSpPr/>
      </xdr:nvCxnSpPr>
      <xdr:spPr bwMode="auto">
        <a:xfrm flipV="1">
          <a:off x="3606800" y="3111215"/>
          <a:ext cx="698500" cy="127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1944</xdr:rowOff>
    </xdr:from>
    <xdr:to>
      <xdr:col>22</xdr:col>
      <xdr:colOff>165100</xdr:colOff>
      <xdr:row>17</xdr:row>
      <xdr:rowOff>133544</xdr:rowOff>
    </xdr:to>
    <xdr:sp macro="" textlink="">
      <xdr:nvSpPr>
        <xdr:cNvPr id="59" name="フローチャート: 判断 58"/>
        <xdr:cNvSpPr/>
      </xdr:nvSpPr>
      <xdr:spPr bwMode="auto">
        <a:xfrm>
          <a:off x="4254500" y="29942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43721</xdr:rowOff>
    </xdr:from>
    <xdr:ext cx="762000" cy="259045"/>
    <xdr:sp macro="" textlink="">
      <xdr:nvSpPr>
        <xdr:cNvPr id="60" name="テキスト ボックス 59"/>
        <xdr:cNvSpPr txBox="1"/>
      </xdr:nvSpPr>
      <xdr:spPr>
        <a:xfrm>
          <a:off x="3924300" y="2763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61644</xdr:rowOff>
    </xdr:from>
    <xdr:to>
      <xdr:col>18</xdr:col>
      <xdr:colOff>177800</xdr:colOff>
      <xdr:row>17</xdr:row>
      <xdr:rowOff>166559</xdr:rowOff>
    </xdr:to>
    <xdr:cxnSp macro="">
      <xdr:nvCxnSpPr>
        <xdr:cNvPr id="61" name="直線コネクタ 60"/>
        <xdr:cNvCxnSpPr/>
      </xdr:nvCxnSpPr>
      <xdr:spPr bwMode="auto">
        <a:xfrm flipV="1">
          <a:off x="2908300" y="3123919"/>
          <a:ext cx="698500" cy="49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49563</xdr:rowOff>
    </xdr:from>
    <xdr:to>
      <xdr:col>19</xdr:col>
      <xdr:colOff>38100</xdr:colOff>
      <xdr:row>17</xdr:row>
      <xdr:rowOff>151163</xdr:rowOff>
    </xdr:to>
    <xdr:sp macro="" textlink="">
      <xdr:nvSpPr>
        <xdr:cNvPr id="62" name="フローチャート: 判断 61"/>
        <xdr:cNvSpPr/>
      </xdr:nvSpPr>
      <xdr:spPr bwMode="auto">
        <a:xfrm>
          <a:off x="3556000" y="3011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61340</xdr:rowOff>
    </xdr:from>
    <xdr:ext cx="762000" cy="259045"/>
    <xdr:sp macro="" textlink="">
      <xdr:nvSpPr>
        <xdr:cNvPr id="63" name="テキスト ボックス 62"/>
        <xdr:cNvSpPr txBox="1"/>
      </xdr:nvSpPr>
      <xdr:spPr>
        <a:xfrm>
          <a:off x="3225800" y="2780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3981</xdr:rowOff>
    </xdr:from>
    <xdr:to>
      <xdr:col>15</xdr:col>
      <xdr:colOff>101600</xdr:colOff>
      <xdr:row>17</xdr:row>
      <xdr:rowOff>165581</xdr:rowOff>
    </xdr:to>
    <xdr:sp macro="" textlink="">
      <xdr:nvSpPr>
        <xdr:cNvPr id="64" name="フローチャート: 判断 63"/>
        <xdr:cNvSpPr/>
      </xdr:nvSpPr>
      <xdr:spPr bwMode="auto">
        <a:xfrm>
          <a:off x="2857500" y="30262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4308</xdr:rowOff>
    </xdr:from>
    <xdr:ext cx="762000" cy="259045"/>
    <xdr:sp macro="" textlink="">
      <xdr:nvSpPr>
        <xdr:cNvPr id="65" name="テキスト ボックス 64"/>
        <xdr:cNvSpPr txBox="1"/>
      </xdr:nvSpPr>
      <xdr:spPr>
        <a:xfrm>
          <a:off x="2527300" y="2795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90972</xdr:rowOff>
    </xdr:from>
    <xdr:to>
      <xdr:col>29</xdr:col>
      <xdr:colOff>177800</xdr:colOff>
      <xdr:row>18</xdr:row>
      <xdr:rowOff>21122</xdr:rowOff>
    </xdr:to>
    <xdr:sp macro="" textlink="">
      <xdr:nvSpPr>
        <xdr:cNvPr id="71" name="楕円 70"/>
        <xdr:cNvSpPr/>
      </xdr:nvSpPr>
      <xdr:spPr bwMode="auto">
        <a:xfrm>
          <a:off x="5600700" y="30532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63049</xdr:rowOff>
    </xdr:from>
    <xdr:ext cx="762000" cy="259045"/>
    <xdr:sp macro="" textlink="">
      <xdr:nvSpPr>
        <xdr:cNvPr id="72" name="人口1人当たり決算額の推移該当値テキスト130"/>
        <xdr:cNvSpPr txBox="1"/>
      </xdr:nvSpPr>
      <xdr:spPr>
        <a:xfrm>
          <a:off x="5740400" y="3025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28038</xdr:rowOff>
    </xdr:from>
    <xdr:to>
      <xdr:col>26</xdr:col>
      <xdr:colOff>101600</xdr:colOff>
      <xdr:row>18</xdr:row>
      <xdr:rowOff>58188</xdr:rowOff>
    </xdr:to>
    <xdr:sp macro="" textlink="">
      <xdr:nvSpPr>
        <xdr:cNvPr id="73" name="楕円 72"/>
        <xdr:cNvSpPr/>
      </xdr:nvSpPr>
      <xdr:spPr bwMode="auto">
        <a:xfrm>
          <a:off x="4953000" y="30903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42965</xdr:rowOff>
    </xdr:from>
    <xdr:ext cx="736600" cy="259045"/>
    <xdr:sp macro="" textlink="">
      <xdr:nvSpPr>
        <xdr:cNvPr id="74" name="テキスト ボックス 73"/>
        <xdr:cNvSpPr txBox="1"/>
      </xdr:nvSpPr>
      <xdr:spPr>
        <a:xfrm>
          <a:off x="4622800" y="31766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98140</xdr:rowOff>
    </xdr:from>
    <xdr:to>
      <xdr:col>22</xdr:col>
      <xdr:colOff>165100</xdr:colOff>
      <xdr:row>18</xdr:row>
      <xdr:rowOff>28290</xdr:rowOff>
    </xdr:to>
    <xdr:sp macro="" textlink="">
      <xdr:nvSpPr>
        <xdr:cNvPr id="75" name="楕円 74"/>
        <xdr:cNvSpPr/>
      </xdr:nvSpPr>
      <xdr:spPr bwMode="auto">
        <a:xfrm>
          <a:off x="4254500" y="30604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3067</xdr:rowOff>
    </xdr:from>
    <xdr:ext cx="762000" cy="259045"/>
    <xdr:sp macro="" textlink="">
      <xdr:nvSpPr>
        <xdr:cNvPr id="76" name="テキスト ボックス 75"/>
        <xdr:cNvSpPr txBox="1"/>
      </xdr:nvSpPr>
      <xdr:spPr>
        <a:xfrm>
          <a:off x="3924300" y="3146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10844</xdr:rowOff>
    </xdr:from>
    <xdr:to>
      <xdr:col>19</xdr:col>
      <xdr:colOff>38100</xdr:colOff>
      <xdr:row>18</xdr:row>
      <xdr:rowOff>40994</xdr:rowOff>
    </xdr:to>
    <xdr:sp macro="" textlink="">
      <xdr:nvSpPr>
        <xdr:cNvPr id="77" name="楕円 76"/>
        <xdr:cNvSpPr/>
      </xdr:nvSpPr>
      <xdr:spPr bwMode="auto">
        <a:xfrm>
          <a:off x="3556000" y="30731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25771</xdr:rowOff>
    </xdr:from>
    <xdr:ext cx="762000" cy="259045"/>
    <xdr:sp macro="" textlink="">
      <xdr:nvSpPr>
        <xdr:cNvPr id="78" name="テキスト ボックス 77"/>
        <xdr:cNvSpPr txBox="1"/>
      </xdr:nvSpPr>
      <xdr:spPr>
        <a:xfrm>
          <a:off x="3225800" y="31594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5759</xdr:rowOff>
    </xdr:from>
    <xdr:to>
      <xdr:col>15</xdr:col>
      <xdr:colOff>101600</xdr:colOff>
      <xdr:row>18</xdr:row>
      <xdr:rowOff>45909</xdr:rowOff>
    </xdr:to>
    <xdr:sp macro="" textlink="">
      <xdr:nvSpPr>
        <xdr:cNvPr id="79" name="楕円 78"/>
        <xdr:cNvSpPr/>
      </xdr:nvSpPr>
      <xdr:spPr bwMode="auto">
        <a:xfrm>
          <a:off x="2857500" y="30780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0686</xdr:rowOff>
    </xdr:from>
    <xdr:ext cx="762000" cy="259045"/>
    <xdr:sp macro="" textlink="">
      <xdr:nvSpPr>
        <xdr:cNvPr id="80" name="テキスト ボックス 79"/>
        <xdr:cNvSpPr txBox="1"/>
      </xdr:nvSpPr>
      <xdr:spPr>
        <a:xfrm>
          <a:off x="2527300" y="3164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7" name="テキスト ボックス 96"/>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8" name="直線コネクタ 97"/>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9" name="テキスト ボックス 98"/>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0" name="直線コネクタ 99"/>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1" name="テキスト ボックス 100"/>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2" name="直線コネクタ 101"/>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3" name="テキスト ボックス 102"/>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4" name="直線コネクタ 103"/>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5" name="テキスト ボックス 104"/>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17043</xdr:rowOff>
    </xdr:from>
    <xdr:to>
      <xdr:col>29</xdr:col>
      <xdr:colOff>127000</xdr:colOff>
      <xdr:row>38</xdr:row>
      <xdr:rowOff>170738</xdr:rowOff>
    </xdr:to>
    <xdr:cxnSp macro="">
      <xdr:nvCxnSpPr>
        <xdr:cNvPr id="109" name="直線コネクタ 108"/>
        <xdr:cNvCxnSpPr/>
      </xdr:nvCxnSpPr>
      <xdr:spPr bwMode="auto">
        <a:xfrm flipV="1">
          <a:off x="5651500" y="6241593"/>
          <a:ext cx="0" cy="139674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42815</xdr:rowOff>
    </xdr:from>
    <xdr:ext cx="762000" cy="259045"/>
    <xdr:sp macro="" textlink="">
      <xdr:nvSpPr>
        <xdr:cNvPr id="110" name="人口1人当たり決算額の推移最小値テキスト445"/>
        <xdr:cNvSpPr txBox="1"/>
      </xdr:nvSpPr>
      <xdr:spPr>
        <a:xfrm>
          <a:off x="5740400" y="7610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70738</xdr:rowOff>
    </xdr:from>
    <xdr:to>
      <xdr:col>30</xdr:col>
      <xdr:colOff>25400</xdr:colOff>
      <xdr:row>38</xdr:row>
      <xdr:rowOff>170738</xdr:rowOff>
    </xdr:to>
    <xdr:cxnSp macro="">
      <xdr:nvCxnSpPr>
        <xdr:cNvPr id="111" name="直線コネクタ 110"/>
        <xdr:cNvCxnSpPr/>
      </xdr:nvCxnSpPr>
      <xdr:spPr bwMode="auto">
        <a:xfrm>
          <a:off x="5562600" y="763833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60520</xdr:rowOff>
    </xdr:from>
    <xdr:ext cx="762000" cy="259045"/>
    <xdr:sp macro="" textlink="">
      <xdr:nvSpPr>
        <xdr:cNvPr id="112" name="人口1人当たり決算額の推移最大値テキスト445"/>
        <xdr:cNvSpPr txBox="1"/>
      </xdr:nvSpPr>
      <xdr:spPr>
        <a:xfrm>
          <a:off x="5740400" y="59850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17043</xdr:rowOff>
    </xdr:from>
    <xdr:to>
      <xdr:col>30</xdr:col>
      <xdr:colOff>25400</xdr:colOff>
      <xdr:row>33</xdr:row>
      <xdr:rowOff>317043</xdr:rowOff>
    </xdr:to>
    <xdr:cxnSp macro="">
      <xdr:nvCxnSpPr>
        <xdr:cNvPr id="113" name="直線コネクタ 112"/>
        <xdr:cNvCxnSpPr/>
      </xdr:nvCxnSpPr>
      <xdr:spPr bwMode="auto">
        <a:xfrm>
          <a:off x="5562600" y="624159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49352</xdr:rowOff>
    </xdr:from>
    <xdr:to>
      <xdr:col>29</xdr:col>
      <xdr:colOff>127000</xdr:colOff>
      <xdr:row>37</xdr:row>
      <xdr:rowOff>126124</xdr:rowOff>
    </xdr:to>
    <xdr:cxnSp macro="">
      <xdr:nvCxnSpPr>
        <xdr:cNvPr id="114" name="直線コネクタ 113"/>
        <xdr:cNvCxnSpPr/>
      </xdr:nvCxnSpPr>
      <xdr:spPr bwMode="auto">
        <a:xfrm>
          <a:off x="5003800" y="7174052"/>
          <a:ext cx="647700" cy="767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42384</xdr:rowOff>
    </xdr:from>
    <xdr:ext cx="762000" cy="259045"/>
    <xdr:sp macro="" textlink="">
      <xdr:nvSpPr>
        <xdr:cNvPr id="115" name="人口1人当たり決算額の推移平均値テキスト445"/>
        <xdr:cNvSpPr txBox="1"/>
      </xdr:nvSpPr>
      <xdr:spPr>
        <a:xfrm>
          <a:off x="5740400" y="68527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54407</xdr:rowOff>
    </xdr:from>
    <xdr:to>
      <xdr:col>29</xdr:col>
      <xdr:colOff>177800</xdr:colOff>
      <xdr:row>36</xdr:row>
      <xdr:rowOff>156007</xdr:rowOff>
    </xdr:to>
    <xdr:sp macro="" textlink="">
      <xdr:nvSpPr>
        <xdr:cNvPr id="116" name="フローチャート: 判断 115"/>
        <xdr:cNvSpPr/>
      </xdr:nvSpPr>
      <xdr:spPr bwMode="auto">
        <a:xfrm>
          <a:off x="5600700" y="70076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4013</xdr:rowOff>
    </xdr:from>
    <xdr:to>
      <xdr:col>26</xdr:col>
      <xdr:colOff>50800</xdr:colOff>
      <xdr:row>37</xdr:row>
      <xdr:rowOff>49352</xdr:rowOff>
    </xdr:to>
    <xdr:cxnSp macro="">
      <xdr:nvCxnSpPr>
        <xdr:cNvPr id="117" name="直線コネクタ 116"/>
        <xdr:cNvCxnSpPr/>
      </xdr:nvCxnSpPr>
      <xdr:spPr bwMode="auto">
        <a:xfrm>
          <a:off x="4305300" y="7128713"/>
          <a:ext cx="698500" cy="453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55131</xdr:rowOff>
    </xdr:from>
    <xdr:to>
      <xdr:col>26</xdr:col>
      <xdr:colOff>101600</xdr:colOff>
      <xdr:row>36</xdr:row>
      <xdr:rowOff>156731</xdr:rowOff>
    </xdr:to>
    <xdr:sp macro="" textlink="">
      <xdr:nvSpPr>
        <xdr:cNvPr id="118" name="フローチャート: 判断 117"/>
        <xdr:cNvSpPr/>
      </xdr:nvSpPr>
      <xdr:spPr bwMode="auto">
        <a:xfrm>
          <a:off x="4953000" y="70083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66908</xdr:rowOff>
    </xdr:from>
    <xdr:ext cx="736600" cy="259045"/>
    <xdr:sp macro="" textlink="">
      <xdr:nvSpPr>
        <xdr:cNvPr id="119" name="テキスト ボックス 118"/>
        <xdr:cNvSpPr txBox="1"/>
      </xdr:nvSpPr>
      <xdr:spPr>
        <a:xfrm>
          <a:off x="4622800" y="67772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25730</xdr:rowOff>
    </xdr:from>
    <xdr:to>
      <xdr:col>22</xdr:col>
      <xdr:colOff>114300</xdr:colOff>
      <xdr:row>37</xdr:row>
      <xdr:rowOff>4013</xdr:rowOff>
    </xdr:to>
    <xdr:cxnSp macro="">
      <xdr:nvCxnSpPr>
        <xdr:cNvPr id="120" name="直線コネクタ 119"/>
        <xdr:cNvCxnSpPr/>
      </xdr:nvCxnSpPr>
      <xdr:spPr bwMode="auto">
        <a:xfrm>
          <a:off x="3606800" y="6936080"/>
          <a:ext cx="698500" cy="1926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37947</xdr:rowOff>
    </xdr:from>
    <xdr:to>
      <xdr:col>22</xdr:col>
      <xdr:colOff>165100</xdr:colOff>
      <xdr:row>36</xdr:row>
      <xdr:rowOff>139547</xdr:rowOff>
    </xdr:to>
    <xdr:sp macro="" textlink="">
      <xdr:nvSpPr>
        <xdr:cNvPr id="121" name="フローチャート: 判断 120"/>
        <xdr:cNvSpPr/>
      </xdr:nvSpPr>
      <xdr:spPr bwMode="auto">
        <a:xfrm>
          <a:off x="4254500" y="69911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49724</xdr:rowOff>
    </xdr:from>
    <xdr:ext cx="762000" cy="259045"/>
    <xdr:sp macro="" textlink="">
      <xdr:nvSpPr>
        <xdr:cNvPr id="122" name="テキスト ボックス 121"/>
        <xdr:cNvSpPr txBox="1"/>
      </xdr:nvSpPr>
      <xdr:spPr>
        <a:xfrm>
          <a:off x="3924300" y="6760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25730</xdr:rowOff>
    </xdr:from>
    <xdr:to>
      <xdr:col>18</xdr:col>
      <xdr:colOff>177800</xdr:colOff>
      <xdr:row>36</xdr:row>
      <xdr:rowOff>147765</xdr:rowOff>
    </xdr:to>
    <xdr:cxnSp macro="">
      <xdr:nvCxnSpPr>
        <xdr:cNvPr id="123" name="直線コネクタ 122"/>
        <xdr:cNvCxnSpPr/>
      </xdr:nvCxnSpPr>
      <xdr:spPr bwMode="auto">
        <a:xfrm flipV="1">
          <a:off x="2908300" y="6936080"/>
          <a:ext cx="698500" cy="1649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7506</xdr:rowOff>
    </xdr:from>
    <xdr:to>
      <xdr:col>19</xdr:col>
      <xdr:colOff>38100</xdr:colOff>
      <xdr:row>36</xdr:row>
      <xdr:rowOff>109106</xdr:rowOff>
    </xdr:to>
    <xdr:sp macro="" textlink="">
      <xdr:nvSpPr>
        <xdr:cNvPr id="124" name="フローチャート: 判断 123"/>
        <xdr:cNvSpPr/>
      </xdr:nvSpPr>
      <xdr:spPr bwMode="auto">
        <a:xfrm>
          <a:off x="3556000" y="69607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93883</xdr:rowOff>
    </xdr:from>
    <xdr:ext cx="762000" cy="259045"/>
    <xdr:sp macro="" textlink="">
      <xdr:nvSpPr>
        <xdr:cNvPr id="125" name="テキスト ボックス 124"/>
        <xdr:cNvSpPr txBox="1"/>
      </xdr:nvSpPr>
      <xdr:spPr>
        <a:xfrm>
          <a:off x="3225800" y="7047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36880</xdr:rowOff>
    </xdr:from>
    <xdr:to>
      <xdr:col>15</xdr:col>
      <xdr:colOff>101600</xdr:colOff>
      <xdr:row>36</xdr:row>
      <xdr:rowOff>95580</xdr:rowOff>
    </xdr:to>
    <xdr:sp macro="" textlink="">
      <xdr:nvSpPr>
        <xdr:cNvPr id="126" name="フローチャート: 判断 125"/>
        <xdr:cNvSpPr/>
      </xdr:nvSpPr>
      <xdr:spPr bwMode="auto">
        <a:xfrm>
          <a:off x="2857500" y="69472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05757</xdr:rowOff>
    </xdr:from>
    <xdr:ext cx="762000" cy="259045"/>
    <xdr:sp macro="" textlink="">
      <xdr:nvSpPr>
        <xdr:cNvPr id="127" name="テキスト ボックス 126"/>
        <xdr:cNvSpPr txBox="1"/>
      </xdr:nvSpPr>
      <xdr:spPr>
        <a:xfrm>
          <a:off x="2527300" y="6716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75324</xdr:rowOff>
    </xdr:from>
    <xdr:to>
      <xdr:col>29</xdr:col>
      <xdr:colOff>177800</xdr:colOff>
      <xdr:row>37</xdr:row>
      <xdr:rowOff>176924</xdr:rowOff>
    </xdr:to>
    <xdr:sp macro="" textlink="">
      <xdr:nvSpPr>
        <xdr:cNvPr id="133" name="楕円 132"/>
        <xdr:cNvSpPr/>
      </xdr:nvSpPr>
      <xdr:spPr bwMode="auto">
        <a:xfrm>
          <a:off x="5600700" y="72000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47401</xdr:rowOff>
    </xdr:from>
    <xdr:ext cx="762000" cy="259045"/>
    <xdr:sp macro="" textlink="">
      <xdr:nvSpPr>
        <xdr:cNvPr id="134" name="人口1人当たり決算額の推移該当値テキスト445"/>
        <xdr:cNvSpPr txBox="1"/>
      </xdr:nvSpPr>
      <xdr:spPr>
        <a:xfrm>
          <a:off x="5740400" y="7172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70002</xdr:rowOff>
    </xdr:from>
    <xdr:to>
      <xdr:col>26</xdr:col>
      <xdr:colOff>101600</xdr:colOff>
      <xdr:row>37</xdr:row>
      <xdr:rowOff>100152</xdr:rowOff>
    </xdr:to>
    <xdr:sp macro="" textlink="">
      <xdr:nvSpPr>
        <xdr:cNvPr id="135" name="楕円 134"/>
        <xdr:cNvSpPr/>
      </xdr:nvSpPr>
      <xdr:spPr bwMode="auto">
        <a:xfrm>
          <a:off x="4953000" y="71232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84929</xdr:rowOff>
    </xdr:from>
    <xdr:ext cx="736600" cy="259045"/>
    <xdr:sp macro="" textlink="">
      <xdr:nvSpPr>
        <xdr:cNvPr id="136" name="テキスト ボックス 135"/>
        <xdr:cNvSpPr txBox="1"/>
      </xdr:nvSpPr>
      <xdr:spPr>
        <a:xfrm>
          <a:off x="4622800" y="72096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24663</xdr:rowOff>
    </xdr:from>
    <xdr:to>
      <xdr:col>22</xdr:col>
      <xdr:colOff>165100</xdr:colOff>
      <xdr:row>37</xdr:row>
      <xdr:rowOff>54813</xdr:rowOff>
    </xdr:to>
    <xdr:sp macro="" textlink="">
      <xdr:nvSpPr>
        <xdr:cNvPr id="137" name="楕円 136"/>
        <xdr:cNvSpPr/>
      </xdr:nvSpPr>
      <xdr:spPr bwMode="auto">
        <a:xfrm>
          <a:off x="4254500" y="70779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9590</xdr:rowOff>
    </xdr:from>
    <xdr:ext cx="762000" cy="259045"/>
    <xdr:sp macro="" textlink="">
      <xdr:nvSpPr>
        <xdr:cNvPr id="138" name="テキスト ボックス 137"/>
        <xdr:cNvSpPr txBox="1"/>
      </xdr:nvSpPr>
      <xdr:spPr>
        <a:xfrm>
          <a:off x="3924300" y="7164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74930</xdr:rowOff>
    </xdr:from>
    <xdr:to>
      <xdr:col>19</xdr:col>
      <xdr:colOff>38100</xdr:colOff>
      <xdr:row>36</xdr:row>
      <xdr:rowOff>33630</xdr:rowOff>
    </xdr:to>
    <xdr:sp macro="" textlink="">
      <xdr:nvSpPr>
        <xdr:cNvPr id="139" name="楕円 138"/>
        <xdr:cNvSpPr/>
      </xdr:nvSpPr>
      <xdr:spPr bwMode="auto">
        <a:xfrm>
          <a:off x="3556000" y="68852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3807</xdr:rowOff>
    </xdr:from>
    <xdr:ext cx="762000" cy="259045"/>
    <xdr:sp macro="" textlink="">
      <xdr:nvSpPr>
        <xdr:cNvPr id="140" name="テキスト ボックス 139"/>
        <xdr:cNvSpPr txBox="1"/>
      </xdr:nvSpPr>
      <xdr:spPr>
        <a:xfrm>
          <a:off x="3225800" y="6654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6965</xdr:rowOff>
    </xdr:from>
    <xdr:to>
      <xdr:col>15</xdr:col>
      <xdr:colOff>101600</xdr:colOff>
      <xdr:row>37</xdr:row>
      <xdr:rowOff>27115</xdr:rowOff>
    </xdr:to>
    <xdr:sp macro="" textlink="">
      <xdr:nvSpPr>
        <xdr:cNvPr id="141" name="楕円 140"/>
        <xdr:cNvSpPr/>
      </xdr:nvSpPr>
      <xdr:spPr bwMode="auto">
        <a:xfrm>
          <a:off x="2857500" y="70502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1892</xdr:rowOff>
    </xdr:from>
    <xdr:ext cx="762000" cy="259045"/>
    <xdr:sp macro="" textlink="">
      <xdr:nvSpPr>
        <xdr:cNvPr id="142" name="テキスト ボックス 141"/>
        <xdr:cNvSpPr txBox="1"/>
      </xdr:nvSpPr>
      <xdr:spPr>
        <a:xfrm>
          <a:off x="2527300" y="7136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86
80,728
22.14
38,741,486
37,050,872
1,129,343
16,618,470
15,880,5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2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72644</xdr:rowOff>
    </xdr:from>
    <xdr:to>
      <xdr:col>24</xdr:col>
      <xdr:colOff>62865</xdr:colOff>
      <xdr:row>38</xdr:row>
      <xdr:rowOff>104019</xdr:rowOff>
    </xdr:to>
    <xdr:cxnSp macro="">
      <xdr:nvCxnSpPr>
        <xdr:cNvPr id="56" name="直線コネクタ 55"/>
        <xdr:cNvCxnSpPr/>
      </xdr:nvCxnSpPr>
      <xdr:spPr>
        <a:xfrm flipV="1">
          <a:off x="4633595" y="5387594"/>
          <a:ext cx="1270" cy="1231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7846</xdr:rowOff>
    </xdr:from>
    <xdr:ext cx="534377" cy="259045"/>
    <xdr:sp macro="" textlink="">
      <xdr:nvSpPr>
        <xdr:cNvPr id="57" name="人件費最小値テキスト"/>
        <xdr:cNvSpPr txBox="1"/>
      </xdr:nvSpPr>
      <xdr:spPr>
        <a:xfrm>
          <a:off x="4686300" y="6622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4019</xdr:rowOff>
    </xdr:from>
    <xdr:to>
      <xdr:col>24</xdr:col>
      <xdr:colOff>152400</xdr:colOff>
      <xdr:row>38</xdr:row>
      <xdr:rowOff>104019</xdr:rowOff>
    </xdr:to>
    <xdr:cxnSp macro="">
      <xdr:nvCxnSpPr>
        <xdr:cNvPr id="58" name="直線コネクタ 57"/>
        <xdr:cNvCxnSpPr/>
      </xdr:nvCxnSpPr>
      <xdr:spPr>
        <a:xfrm>
          <a:off x="4546600" y="6619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9321</xdr:rowOff>
    </xdr:from>
    <xdr:ext cx="599010" cy="259045"/>
    <xdr:sp macro="" textlink="">
      <xdr:nvSpPr>
        <xdr:cNvPr id="59" name="人件費最大値テキスト"/>
        <xdr:cNvSpPr txBox="1"/>
      </xdr:nvSpPr>
      <xdr:spPr>
        <a:xfrm>
          <a:off x="4686300" y="51628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72644</xdr:rowOff>
    </xdr:from>
    <xdr:to>
      <xdr:col>24</xdr:col>
      <xdr:colOff>152400</xdr:colOff>
      <xdr:row>31</xdr:row>
      <xdr:rowOff>72644</xdr:rowOff>
    </xdr:to>
    <xdr:cxnSp macro="">
      <xdr:nvCxnSpPr>
        <xdr:cNvPr id="60" name="直線コネクタ 59"/>
        <xdr:cNvCxnSpPr/>
      </xdr:nvCxnSpPr>
      <xdr:spPr>
        <a:xfrm>
          <a:off x="4546600" y="5387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63208</xdr:rowOff>
    </xdr:from>
    <xdr:to>
      <xdr:col>24</xdr:col>
      <xdr:colOff>63500</xdr:colOff>
      <xdr:row>36</xdr:row>
      <xdr:rowOff>119507</xdr:rowOff>
    </xdr:to>
    <xdr:cxnSp macro="">
      <xdr:nvCxnSpPr>
        <xdr:cNvPr id="61" name="直線コネクタ 60"/>
        <xdr:cNvCxnSpPr/>
      </xdr:nvCxnSpPr>
      <xdr:spPr>
        <a:xfrm flipV="1">
          <a:off x="3797300" y="6163958"/>
          <a:ext cx="838200" cy="127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9454</xdr:rowOff>
    </xdr:from>
    <xdr:ext cx="534377" cy="259045"/>
    <xdr:sp macro="" textlink="">
      <xdr:nvSpPr>
        <xdr:cNvPr id="62" name="人件費平均値テキスト"/>
        <xdr:cNvSpPr txBox="1"/>
      </xdr:nvSpPr>
      <xdr:spPr>
        <a:xfrm>
          <a:off x="4686300" y="59487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6577</xdr:rowOff>
    </xdr:from>
    <xdr:to>
      <xdr:col>24</xdr:col>
      <xdr:colOff>114300</xdr:colOff>
      <xdr:row>36</xdr:row>
      <xdr:rowOff>26727</xdr:rowOff>
    </xdr:to>
    <xdr:sp macro="" textlink="">
      <xdr:nvSpPr>
        <xdr:cNvPr id="63" name="フローチャート: 判断 62"/>
        <xdr:cNvSpPr/>
      </xdr:nvSpPr>
      <xdr:spPr>
        <a:xfrm>
          <a:off x="4584700" y="6097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70339</xdr:rowOff>
    </xdr:from>
    <xdr:to>
      <xdr:col>19</xdr:col>
      <xdr:colOff>177800</xdr:colOff>
      <xdr:row>36</xdr:row>
      <xdr:rowOff>119507</xdr:rowOff>
    </xdr:to>
    <xdr:cxnSp macro="">
      <xdr:nvCxnSpPr>
        <xdr:cNvPr id="64" name="直線コネクタ 63"/>
        <xdr:cNvCxnSpPr/>
      </xdr:nvCxnSpPr>
      <xdr:spPr>
        <a:xfrm>
          <a:off x="2908300" y="6242539"/>
          <a:ext cx="889000" cy="4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4154</xdr:rowOff>
    </xdr:from>
    <xdr:to>
      <xdr:col>20</xdr:col>
      <xdr:colOff>38100</xdr:colOff>
      <xdr:row>36</xdr:row>
      <xdr:rowOff>165754</xdr:rowOff>
    </xdr:to>
    <xdr:sp macro="" textlink="">
      <xdr:nvSpPr>
        <xdr:cNvPr id="65" name="フローチャート: 判断 64"/>
        <xdr:cNvSpPr/>
      </xdr:nvSpPr>
      <xdr:spPr>
        <a:xfrm>
          <a:off x="3746500" y="6236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0831</xdr:rowOff>
    </xdr:from>
    <xdr:ext cx="534377" cy="259045"/>
    <xdr:sp macro="" textlink="">
      <xdr:nvSpPr>
        <xdr:cNvPr id="66" name="テキスト ボックス 65"/>
        <xdr:cNvSpPr txBox="1"/>
      </xdr:nvSpPr>
      <xdr:spPr>
        <a:xfrm>
          <a:off x="3530111" y="6011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70339</xdr:rowOff>
    </xdr:from>
    <xdr:to>
      <xdr:col>15</xdr:col>
      <xdr:colOff>50800</xdr:colOff>
      <xdr:row>36</xdr:row>
      <xdr:rowOff>135318</xdr:rowOff>
    </xdr:to>
    <xdr:cxnSp macro="">
      <xdr:nvCxnSpPr>
        <xdr:cNvPr id="67" name="直線コネクタ 66"/>
        <xdr:cNvCxnSpPr/>
      </xdr:nvCxnSpPr>
      <xdr:spPr>
        <a:xfrm flipV="1">
          <a:off x="2019300" y="6242539"/>
          <a:ext cx="889000" cy="64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76575</xdr:rowOff>
    </xdr:from>
    <xdr:to>
      <xdr:col>15</xdr:col>
      <xdr:colOff>101600</xdr:colOff>
      <xdr:row>37</xdr:row>
      <xdr:rowOff>6725</xdr:rowOff>
    </xdr:to>
    <xdr:sp macro="" textlink="">
      <xdr:nvSpPr>
        <xdr:cNvPr id="68" name="フローチャート: 判断 67"/>
        <xdr:cNvSpPr/>
      </xdr:nvSpPr>
      <xdr:spPr>
        <a:xfrm>
          <a:off x="2857500" y="6248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69302</xdr:rowOff>
    </xdr:from>
    <xdr:ext cx="534377" cy="259045"/>
    <xdr:sp macro="" textlink="">
      <xdr:nvSpPr>
        <xdr:cNvPr id="69" name="テキスト ボックス 68"/>
        <xdr:cNvSpPr txBox="1"/>
      </xdr:nvSpPr>
      <xdr:spPr>
        <a:xfrm>
          <a:off x="2641111" y="6341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66872</xdr:rowOff>
    </xdr:from>
    <xdr:to>
      <xdr:col>10</xdr:col>
      <xdr:colOff>114300</xdr:colOff>
      <xdr:row>36</xdr:row>
      <xdr:rowOff>135318</xdr:rowOff>
    </xdr:to>
    <xdr:cxnSp macro="">
      <xdr:nvCxnSpPr>
        <xdr:cNvPr id="70" name="直線コネクタ 69"/>
        <xdr:cNvCxnSpPr/>
      </xdr:nvCxnSpPr>
      <xdr:spPr>
        <a:xfrm>
          <a:off x="1130300" y="6239072"/>
          <a:ext cx="889000" cy="68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1834</xdr:rowOff>
    </xdr:from>
    <xdr:to>
      <xdr:col>10</xdr:col>
      <xdr:colOff>165100</xdr:colOff>
      <xdr:row>37</xdr:row>
      <xdr:rowOff>21984</xdr:rowOff>
    </xdr:to>
    <xdr:sp macro="" textlink="">
      <xdr:nvSpPr>
        <xdr:cNvPr id="71" name="フローチャート: 判断 70"/>
        <xdr:cNvSpPr/>
      </xdr:nvSpPr>
      <xdr:spPr>
        <a:xfrm>
          <a:off x="1968500" y="6264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111</xdr:rowOff>
    </xdr:from>
    <xdr:ext cx="534377" cy="259045"/>
    <xdr:sp macro="" textlink="">
      <xdr:nvSpPr>
        <xdr:cNvPr id="72" name="テキスト ボックス 71"/>
        <xdr:cNvSpPr txBox="1"/>
      </xdr:nvSpPr>
      <xdr:spPr>
        <a:xfrm>
          <a:off x="1752111" y="6356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87928</xdr:rowOff>
    </xdr:from>
    <xdr:to>
      <xdr:col>6</xdr:col>
      <xdr:colOff>38100</xdr:colOff>
      <xdr:row>37</xdr:row>
      <xdr:rowOff>18078</xdr:rowOff>
    </xdr:to>
    <xdr:sp macro="" textlink="">
      <xdr:nvSpPr>
        <xdr:cNvPr id="73" name="フローチャート: 判断 72"/>
        <xdr:cNvSpPr/>
      </xdr:nvSpPr>
      <xdr:spPr>
        <a:xfrm>
          <a:off x="1079500" y="6260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9205</xdr:rowOff>
    </xdr:from>
    <xdr:ext cx="534377" cy="259045"/>
    <xdr:sp macro="" textlink="">
      <xdr:nvSpPr>
        <xdr:cNvPr id="74" name="テキスト ボックス 73"/>
        <xdr:cNvSpPr txBox="1"/>
      </xdr:nvSpPr>
      <xdr:spPr>
        <a:xfrm>
          <a:off x="863111" y="6352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2408</xdr:rowOff>
    </xdr:from>
    <xdr:to>
      <xdr:col>24</xdr:col>
      <xdr:colOff>114300</xdr:colOff>
      <xdr:row>36</xdr:row>
      <xdr:rowOff>42558</xdr:rowOff>
    </xdr:to>
    <xdr:sp macro="" textlink="">
      <xdr:nvSpPr>
        <xdr:cNvPr id="80" name="楕円 79"/>
        <xdr:cNvSpPr/>
      </xdr:nvSpPr>
      <xdr:spPr>
        <a:xfrm>
          <a:off x="4584700" y="6113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90835</xdr:rowOff>
    </xdr:from>
    <xdr:ext cx="534377" cy="259045"/>
    <xdr:sp macro="" textlink="">
      <xdr:nvSpPr>
        <xdr:cNvPr id="81" name="人件費該当値テキスト"/>
        <xdr:cNvSpPr txBox="1"/>
      </xdr:nvSpPr>
      <xdr:spPr>
        <a:xfrm>
          <a:off x="4686300" y="6091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68707</xdr:rowOff>
    </xdr:from>
    <xdr:to>
      <xdr:col>20</xdr:col>
      <xdr:colOff>38100</xdr:colOff>
      <xdr:row>36</xdr:row>
      <xdr:rowOff>170307</xdr:rowOff>
    </xdr:to>
    <xdr:sp macro="" textlink="">
      <xdr:nvSpPr>
        <xdr:cNvPr id="82" name="楕円 81"/>
        <xdr:cNvSpPr/>
      </xdr:nvSpPr>
      <xdr:spPr>
        <a:xfrm>
          <a:off x="3746500" y="6240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61434</xdr:rowOff>
    </xdr:from>
    <xdr:ext cx="534377" cy="259045"/>
    <xdr:sp macro="" textlink="">
      <xdr:nvSpPr>
        <xdr:cNvPr id="83" name="テキスト ボックス 82"/>
        <xdr:cNvSpPr txBox="1"/>
      </xdr:nvSpPr>
      <xdr:spPr>
        <a:xfrm>
          <a:off x="3530111" y="633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9539</xdr:rowOff>
    </xdr:from>
    <xdr:to>
      <xdr:col>15</xdr:col>
      <xdr:colOff>101600</xdr:colOff>
      <xdr:row>36</xdr:row>
      <xdr:rowOff>121139</xdr:rowOff>
    </xdr:to>
    <xdr:sp macro="" textlink="">
      <xdr:nvSpPr>
        <xdr:cNvPr id="84" name="楕円 83"/>
        <xdr:cNvSpPr/>
      </xdr:nvSpPr>
      <xdr:spPr>
        <a:xfrm>
          <a:off x="2857500" y="6191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37666</xdr:rowOff>
    </xdr:from>
    <xdr:ext cx="534377" cy="259045"/>
    <xdr:sp macro="" textlink="">
      <xdr:nvSpPr>
        <xdr:cNvPr id="85" name="テキスト ボックス 84"/>
        <xdr:cNvSpPr txBox="1"/>
      </xdr:nvSpPr>
      <xdr:spPr>
        <a:xfrm>
          <a:off x="2641111" y="5966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84518</xdr:rowOff>
    </xdr:from>
    <xdr:to>
      <xdr:col>10</xdr:col>
      <xdr:colOff>165100</xdr:colOff>
      <xdr:row>37</xdr:row>
      <xdr:rowOff>14668</xdr:rowOff>
    </xdr:to>
    <xdr:sp macro="" textlink="">
      <xdr:nvSpPr>
        <xdr:cNvPr id="86" name="楕円 85"/>
        <xdr:cNvSpPr/>
      </xdr:nvSpPr>
      <xdr:spPr>
        <a:xfrm>
          <a:off x="1968500" y="6256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31195</xdr:rowOff>
    </xdr:from>
    <xdr:ext cx="534377" cy="259045"/>
    <xdr:sp macro="" textlink="">
      <xdr:nvSpPr>
        <xdr:cNvPr id="87" name="テキスト ボックス 86"/>
        <xdr:cNvSpPr txBox="1"/>
      </xdr:nvSpPr>
      <xdr:spPr>
        <a:xfrm>
          <a:off x="1752111" y="6031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6072</xdr:rowOff>
    </xdr:from>
    <xdr:to>
      <xdr:col>6</xdr:col>
      <xdr:colOff>38100</xdr:colOff>
      <xdr:row>36</xdr:row>
      <xdr:rowOff>117672</xdr:rowOff>
    </xdr:to>
    <xdr:sp macro="" textlink="">
      <xdr:nvSpPr>
        <xdr:cNvPr id="88" name="楕円 87"/>
        <xdr:cNvSpPr/>
      </xdr:nvSpPr>
      <xdr:spPr>
        <a:xfrm>
          <a:off x="1079500" y="618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34199</xdr:rowOff>
    </xdr:from>
    <xdr:ext cx="534377" cy="259045"/>
    <xdr:sp macro="" textlink="">
      <xdr:nvSpPr>
        <xdr:cNvPr id="89" name="テキスト ボックス 88"/>
        <xdr:cNvSpPr txBox="1"/>
      </xdr:nvSpPr>
      <xdr:spPr>
        <a:xfrm>
          <a:off x="863111" y="5963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1" name="直線コネクタ 100"/>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2" name="テキスト ボックス 101"/>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3" name="直線コネクタ 102"/>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4" name="テキスト ボックス 103"/>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5" name="直線コネクタ 104"/>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6" name="テキスト ボックス 105"/>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7" name="直線コネクタ 106"/>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8" name="テキスト ボックス 107"/>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57166</xdr:rowOff>
    </xdr:from>
    <xdr:to>
      <xdr:col>24</xdr:col>
      <xdr:colOff>62865</xdr:colOff>
      <xdr:row>59</xdr:row>
      <xdr:rowOff>78901</xdr:rowOff>
    </xdr:to>
    <xdr:cxnSp macro="">
      <xdr:nvCxnSpPr>
        <xdr:cNvPr id="112" name="直線コネクタ 111"/>
        <xdr:cNvCxnSpPr/>
      </xdr:nvCxnSpPr>
      <xdr:spPr>
        <a:xfrm flipV="1">
          <a:off x="4633595" y="8801116"/>
          <a:ext cx="1270" cy="13933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2728</xdr:rowOff>
    </xdr:from>
    <xdr:ext cx="534377" cy="259045"/>
    <xdr:sp macro="" textlink="">
      <xdr:nvSpPr>
        <xdr:cNvPr id="113" name="物件費最小値テキスト"/>
        <xdr:cNvSpPr txBox="1"/>
      </xdr:nvSpPr>
      <xdr:spPr>
        <a:xfrm>
          <a:off x="4686300" y="10198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78901</xdr:rowOff>
    </xdr:from>
    <xdr:to>
      <xdr:col>24</xdr:col>
      <xdr:colOff>152400</xdr:colOff>
      <xdr:row>59</xdr:row>
      <xdr:rowOff>78901</xdr:rowOff>
    </xdr:to>
    <xdr:cxnSp macro="">
      <xdr:nvCxnSpPr>
        <xdr:cNvPr id="114" name="直線コネクタ 113"/>
        <xdr:cNvCxnSpPr/>
      </xdr:nvCxnSpPr>
      <xdr:spPr>
        <a:xfrm>
          <a:off x="4546600" y="101944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3843</xdr:rowOff>
    </xdr:from>
    <xdr:ext cx="599010" cy="259045"/>
    <xdr:sp macro="" textlink="">
      <xdr:nvSpPr>
        <xdr:cNvPr id="115" name="物件費最大値テキスト"/>
        <xdr:cNvSpPr txBox="1"/>
      </xdr:nvSpPr>
      <xdr:spPr>
        <a:xfrm>
          <a:off x="4686300" y="85763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57166</xdr:rowOff>
    </xdr:from>
    <xdr:to>
      <xdr:col>24</xdr:col>
      <xdr:colOff>152400</xdr:colOff>
      <xdr:row>51</xdr:row>
      <xdr:rowOff>57166</xdr:rowOff>
    </xdr:to>
    <xdr:cxnSp macro="">
      <xdr:nvCxnSpPr>
        <xdr:cNvPr id="116" name="直線コネクタ 115"/>
        <xdr:cNvCxnSpPr/>
      </xdr:nvCxnSpPr>
      <xdr:spPr>
        <a:xfrm>
          <a:off x="4546600" y="8801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2693</xdr:rowOff>
    </xdr:from>
    <xdr:to>
      <xdr:col>24</xdr:col>
      <xdr:colOff>63500</xdr:colOff>
      <xdr:row>58</xdr:row>
      <xdr:rowOff>157357</xdr:rowOff>
    </xdr:to>
    <xdr:cxnSp macro="">
      <xdr:nvCxnSpPr>
        <xdr:cNvPr id="117" name="直線コネクタ 116"/>
        <xdr:cNvCxnSpPr/>
      </xdr:nvCxnSpPr>
      <xdr:spPr>
        <a:xfrm flipV="1">
          <a:off x="3797300" y="10066793"/>
          <a:ext cx="838200" cy="34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8030</xdr:rowOff>
    </xdr:from>
    <xdr:ext cx="534377" cy="259045"/>
    <xdr:sp macro="" textlink="">
      <xdr:nvSpPr>
        <xdr:cNvPr id="118" name="物件費平均値テキスト"/>
        <xdr:cNvSpPr txBox="1"/>
      </xdr:nvSpPr>
      <xdr:spPr>
        <a:xfrm>
          <a:off x="4686300" y="9739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5153</xdr:rowOff>
    </xdr:from>
    <xdr:to>
      <xdr:col>24</xdr:col>
      <xdr:colOff>114300</xdr:colOff>
      <xdr:row>58</xdr:row>
      <xdr:rowOff>45303</xdr:rowOff>
    </xdr:to>
    <xdr:sp macro="" textlink="">
      <xdr:nvSpPr>
        <xdr:cNvPr id="119" name="フローチャート: 判断 118"/>
        <xdr:cNvSpPr/>
      </xdr:nvSpPr>
      <xdr:spPr>
        <a:xfrm>
          <a:off x="4584700" y="9887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57357</xdr:rowOff>
    </xdr:from>
    <xdr:to>
      <xdr:col>19</xdr:col>
      <xdr:colOff>177800</xdr:colOff>
      <xdr:row>59</xdr:row>
      <xdr:rowOff>20243</xdr:rowOff>
    </xdr:to>
    <xdr:cxnSp macro="">
      <xdr:nvCxnSpPr>
        <xdr:cNvPr id="120" name="直線コネクタ 119"/>
        <xdr:cNvCxnSpPr/>
      </xdr:nvCxnSpPr>
      <xdr:spPr>
        <a:xfrm flipV="1">
          <a:off x="2908300" y="10101457"/>
          <a:ext cx="889000" cy="34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27552</xdr:rowOff>
    </xdr:from>
    <xdr:to>
      <xdr:col>20</xdr:col>
      <xdr:colOff>38100</xdr:colOff>
      <xdr:row>58</xdr:row>
      <xdr:rowOff>57702</xdr:rowOff>
    </xdr:to>
    <xdr:sp macro="" textlink="">
      <xdr:nvSpPr>
        <xdr:cNvPr id="121" name="フローチャート: 判断 120"/>
        <xdr:cNvSpPr/>
      </xdr:nvSpPr>
      <xdr:spPr>
        <a:xfrm>
          <a:off x="3746500" y="9900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4229</xdr:rowOff>
    </xdr:from>
    <xdr:ext cx="534377" cy="259045"/>
    <xdr:sp macro="" textlink="">
      <xdr:nvSpPr>
        <xdr:cNvPr id="122" name="テキスト ボックス 121"/>
        <xdr:cNvSpPr txBox="1"/>
      </xdr:nvSpPr>
      <xdr:spPr>
        <a:xfrm>
          <a:off x="3530111" y="9675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16064</xdr:rowOff>
    </xdr:from>
    <xdr:to>
      <xdr:col>15</xdr:col>
      <xdr:colOff>50800</xdr:colOff>
      <xdr:row>59</xdr:row>
      <xdr:rowOff>20243</xdr:rowOff>
    </xdr:to>
    <xdr:cxnSp macro="">
      <xdr:nvCxnSpPr>
        <xdr:cNvPr id="123" name="直線コネクタ 122"/>
        <xdr:cNvCxnSpPr/>
      </xdr:nvCxnSpPr>
      <xdr:spPr>
        <a:xfrm>
          <a:off x="2019300" y="10131614"/>
          <a:ext cx="889000" cy="4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3338</xdr:rowOff>
    </xdr:from>
    <xdr:to>
      <xdr:col>15</xdr:col>
      <xdr:colOff>101600</xdr:colOff>
      <xdr:row>58</xdr:row>
      <xdr:rowOff>83488</xdr:rowOff>
    </xdr:to>
    <xdr:sp macro="" textlink="">
      <xdr:nvSpPr>
        <xdr:cNvPr id="124" name="フローチャート: 判断 123"/>
        <xdr:cNvSpPr/>
      </xdr:nvSpPr>
      <xdr:spPr>
        <a:xfrm>
          <a:off x="2857500" y="9925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00015</xdr:rowOff>
    </xdr:from>
    <xdr:ext cx="534377" cy="259045"/>
    <xdr:sp macro="" textlink="">
      <xdr:nvSpPr>
        <xdr:cNvPr id="125" name="テキスト ボックス 124"/>
        <xdr:cNvSpPr txBox="1"/>
      </xdr:nvSpPr>
      <xdr:spPr>
        <a:xfrm>
          <a:off x="2641111" y="9701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16064</xdr:rowOff>
    </xdr:from>
    <xdr:to>
      <xdr:col>10</xdr:col>
      <xdr:colOff>114300</xdr:colOff>
      <xdr:row>59</xdr:row>
      <xdr:rowOff>67261</xdr:rowOff>
    </xdr:to>
    <xdr:cxnSp macro="">
      <xdr:nvCxnSpPr>
        <xdr:cNvPr id="126" name="直線コネクタ 125"/>
        <xdr:cNvCxnSpPr/>
      </xdr:nvCxnSpPr>
      <xdr:spPr>
        <a:xfrm flipV="1">
          <a:off x="1130300" y="10131614"/>
          <a:ext cx="889000" cy="51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5139</xdr:rowOff>
    </xdr:from>
    <xdr:to>
      <xdr:col>10</xdr:col>
      <xdr:colOff>165100</xdr:colOff>
      <xdr:row>58</xdr:row>
      <xdr:rowOff>85289</xdr:rowOff>
    </xdr:to>
    <xdr:sp macro="" textlink="">
      <xdr:nvSpPr>
        <xdr:cNvPr id="127" name="フローチャート: 判断 126"/>
        <xdr:cNvSpPr/>
      </xdr:nvSpPr>
      <xdr:spPr>
        <a:xfrm>
          <a:off x="1968500" y="9927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1816</xdr:rowOff>
    </xdr:from>
    <xdr:ext cx="534377" cy="259045"/>
    <xdr:sp macro="" textlink="">
      <xdr:nvSpPr>
        <xdr:cNvPr id="128" name="テキスト ボックス 127"/>
        <xdr:cNvSpPr txBox="1"/>
      </xdr:nvSpPr>
      <xdr:spPr>
        <a:xfrm>
          <a:off x="1752111" y="9703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2415</xdr:rowOff>
    </xdr:from>
    <xdr:to>
      <xdr:col>6</xdr:col>
      <xdr:colOff>38100</xdr:colOff>
      <xdr:row>58</xdr:row>
      <xdr:rowOff>32565</xdr:rowOff>
    </xdr:to>
    <xdr:sp macro="" textlink="">
      <xdr:nvSpPr>
        <xdr:cNvPr id="129" name="フローチャート: 判断 128"/>
        <xdr:cNvSpPr/>
      </xdr:nvSpPr>
      <xdr:spPr>
        <a:xfrm>
          <a:off x="1079500" y="9875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49092</xdr:rowOff>
    </xdr:from>
    <xdr:ext cx="534377" cy="259045"/>
    <xdr:sp macro="" textlink="">
      <xdr:nvSpPr>
        <xdr:cNvPr id="130" name="テキスト ボックス 129"/>
        <xdr:cNvSpPr txBox="1"/>
      </xdr:nvSpPr>
      <xdr:spPr>
        <a:xfrm>
          <a:off x="863111" y="9650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1893</xdr:rowOff>
    </xdr:from>
    <xdr:to>
      <xdr:col>24</xdr:col>
      <xdr:colOff>114300</xdr:colOff>
      <xdr:row>59</xdr:row>
      <xdr:rowOff>2043</xdr:rowOff>
    </xdr:to>
    <xdr:sp macro="" textlink="">
      <xdr:nvSpPr>
        <xdr:cNvPr id="136" name="楕円 135"/>
        <xdr:cNvSpPr/>
      </xdr:nvSpPr>
      <xdr:spPr>
        <a:xfrm>
          <a:off x="4584700" y="10015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50320</xdr:rowOff>
    </xdr:from>
    <xdr:ext cx="534377" cy="259045"/>
    <xdr:sp macro="" textlink="">
      <xdr:nvSpPr>
        <xdr:cNvPr id="137" name="物件費該当値テキスト"/>
        <xdr:cNvSpPr txBox="1"/>
      </xdr:nvSpPr>
      <xdr:spPr>
        <a:xfrm>
          <a:off x="4686300" y="9994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06557</xdr:rowOff>
    </xdr:from>
    <xdr:to>
      <xdr:col>20</xdr:col>
      <xdr:colOff>38100</xdr:colOff>
      <xdr:row>59</xdr:row>
      <xdr:rowOff>36707</xdr:rowOff>
    </xdr:to>
    <xdr:sp macro="" textlink="">
      <xdr:nvSpPr>
        <xdr:cNvPr id="138" name="楕円 137"/>
        <xdr:cNvSpPr/>
      </xdr:nvSpPr>
      <xdr:spPr>
        <a:xfrm>
          <a:off x="3746500" y="10050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27834</xdr:rowOff>
    </xdr:from>
    <xdr:ext cx="534377" cy="259045"/>
    <xdr:sp macro="" textlink="">
      <xdr:nvSpPr>
        <xdr:cNvPr id="139" name="テキスト ボックス 138"/>
        <xdr:cNvSpPr txBox="1"/>
      </xdr:nvSpPr>
      <xdr:spPr>
        <a:xfrm>
          <a:off x="3530111" y="1014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40893</xdr:rowOff>
    </xdr:from>
    <xdr:to>
      <xdr:col>15</xdr:col>
      <xdr:colOff>101600</xdr:colOff>
      <xdr:row>59</xdr:row>
      <xdr:rowOff>71043</xdr:rowOff>
    </xdr:to>
    <xdr:sp macro="" textlink="">
      <xdr:nvSpPr>
        <xdr:cNvPr id="140" name="楕円 139"/>
        <xdr:cNvSpPr/>
      </xdr:nvSpPr>
      <xdr:spPr>
        <a:xfrm>
          <a:off x="2857500" y="10084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62170</xdr:rowOff>
    </xdr:from>
    <xdr:ext cx="534377" cy="259045"/>
    <xdr:sp macro="" textlink="">
      <xdr:nvSpPr>
        <xdr:cNvPr id="141" name="テキスト ボックス 140"/>
        <xdr:cNvSpPr txBox="1"/>
      </xdr:nvSpPr>
      <xdr:spPr>
        <a:xfrm>
          <a:off x="2641111" y="10177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36714</xdr:rowOff>
    </xdr:from>
    <xdr:to>
      <xdr:col>10</xdr:col>
      <xdr:colOff>165100</xdr:colOff>
      <xdr:row>59</xdr:row>
      <xdr:rowOff>66864</xdr:rowOff>
    </xdr:to>
    <xdr:sp macro="" textlink="">
      <xdr:nvSpPr>
        <xdr:cNvPr id="142" name="楕円 141"/>
        <xdr:cNvSpPr/>
      </xdr:nvSpPr>
      <xdr:spPr>
        <a:xfrm>
          <a:off x="1968500" y="10080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57991</xdr:rowOff>
    </xdr:from>
    <xdr:ext cx="534377" cy="259045"/>
    <xdr:sp macro="" textlink="">
      <xdr:nvSpPr>
        <xdr:cNvPr id="143" name="テキスト ボックス 142"/>
        <xdr:cNvSpPr txBox="1"/>
      </xdr:nvSpPr>
      <xdr:spPr>
        <a:xfrm>
          <a:off x="1752111" y="10173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16461</xdr:rowOff>
    </xdr:from>
    <xdr:to>
      <xdr:col>6</xdr:col>
      <xdr:colOff>38100</xdr:colOff>
      <xdr:row>59</xdr:row>
      <xdr:rowOff>118061</xdr:rowOff>
    </xdr:to>
    <xdr:sp macro="" textlink="">
      <xdr:nvSpPr>
        <xdr:cNvPr id="144" name="楕円 143"/>
        <xdr:cNvSpPr/>
      </xdr:nvSpPr>
      <xdr:spPr>
        <a:xfrm>
          <a:off x="1079500" y="10132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09188</xdr:rowOff>
    </xdr:from>
    <xdr:ext cx="534377" cy="259045"/>
    <xdr:sp macro="" textlink="">
      <xdr:nvSpPr>
        <xdr:cNvPr id="145" name="テキスト ボックス 144"/>
        <xdr:cNvSpPr txBox="1"/>
      </xdr:nvSpPr>
      <xdr:spPr>
        <a:xfrm>
          <a:off x="863111" y="10224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6" name="直線コネクタ 155"/>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7" name="テキスト ボックス 156"/>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9" name="テキスト ボックス 158"/>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0" name="直線コネクタ 159"/>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1" name="テキスト ボックス 160"/>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3685</xdr:rowOff>
    </xdr:from>
    <xdr:to>
      <xdr:col>24</xdr:col>
      <xdr:colOff>62865</xdr:colOff>
      <xdr:row>78</xdr:row>
      <xdr:rowOff>425</xdr:rowOff>
    </xdr:to>
    <xdr:cxnSp macro="">
      <xdr:nvCxnSpPr>
        <xdr:cNvPr id="165" name="直線コネクタ 164"/>
        <xdr:cNvCxnSpPr/>
      </xdr:nvCxnSpPr>
      <xdr:spPr>
        <a:xfrm flipV="1">
          <a:off x="4633595" y="12196635"/>
          <a:ext cx="1270" cy="1176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4252</xdr:rowOff>
    </xdr:from>
    <xdr:ext cx="378565" cy="259045"/>
    <xdr:sp macro="" textlink="">
      <xdr:nvSpPr>
        <xdr:cNvPr id="166" name="維持補修費最小値テキスト"/>
        <xdr:cNvSpPr txBox="1"/>
      </xdr:nvSpPr>
      <xdr:spPr>
        <a:xfrm>
          <a:off x="4686300" y="133773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25</xdr:rowOff>
    </xdr:from>
    <xdr:to>
      <xdr:col>24</xdr:col>
      <xdr:colOff>152400</xdr:colOff>
      <xdr:row>78</xdr:row>
      <xdr:rowOff>425</xdr:rowOff>
    </xdr:to>
    <xdr:cxnSp macro="">
      <xdr:nvCxnSpPr>
        <xdr:cNvPr id="167" name="直線コネクタ 166"/>
        <xdr:cNvCxnSpPr/>
      </xdr:nvCxnSpPr>
      <xdr:spPr>
        <a:xfrm>
          <a:off x="4546600" y="13373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1812</xdr:rowOff>
    </xdr:from>
    <xdr:ext cx="534377" cy="259045"/>
    <xdr:sp macro="" textlink="">
      <xdr:nvSpPr>
        <xdr:cNvPr id="168" name="維持補修費最大値テキスト"/>
        <xdr:cNvSpPr txBox="1"/>
      </xdr:nvSpPr>
      <xdr:spPr>
        <a:xfrm>
          <a:off x="4686300" y="11971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3685</xdr:rowOff>
    </xdr:from>
    <xdr:to>
      <xdr:col>24</xdr:col>
      <xdr:colOff>152400</xdr:colOff>
      <xdr:row>71</xdr:row>
      <xdr:rowOff>23685</xdr:rowOff>
    </xdr:to>
    <xdr:cxnSp macro="">
      <xdr:nvCxnSpPr>
        <xdr:cNvPr id="169" name="直線コネクタ 168"/>
        <xdr:cNvCxnSpPr/>
      </xdr:nvCxnSpPr>
      <xdr:spPr>
        <a:xfrm>
          <a:off x="4546600" y="12196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0608</xdr:rowOff>
    </xdr:from>
    <xdr:to>
      <xdr:col>24</xdr:col>
      <xdr:colOff>63500</xdr:colOff>
      <xdr:row>77</xdr:row>
      <xdr:rowOff>120041</xdr:rowOff>
    </xdr:to>
    <xdr:cxnSp macro="">
      <xdr:nvCxnSpPr>
        <xdr:cNvPr id="170" name="直線コネクタ 169"/>
        <xdr:cNvCxnSpPr/>
      </xdr:nvCxnSpPr>
      <xdr:spPr>
        <a:xfrm>
          <a:off x="3797300" y="13292258"/>
          <a:ext cx="838200" cy="29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61542</xdr:rowOff>
    </xdr:from>
    <xdr:ext cx="469744" cy="259045"/>
    <xdr:sp macro="" textlink="">
      <xdr:nvSpPr>
        <xdr:cNvPr id="171" name="維持補修費平均値テキスト"/>
        <xdr:cNvSpPr txBox="1"/>
      </xdr:nvSpPr>
      <xdr:spPr>
        <a:xfrm>
          <a:off x="4686300" y="1292029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8666</xdr:rowOff>
    </xdr:from>
    <xdr:to>
      <xdr:col>24</xdr:col>
      <xdr:colOff>114300</xdr:colOff>
      <xdr:row>76</xdr:row>
      <xdr:rowOff>140266</xdr:rowOff>
    </xdr:to>
    <xdr:sp macro="" textlink="">
      <xdr:nvSpPr>
        <xdr:cNvPr id="172" name="フローチャート: 判断 171"/>
        <xdr:cNvSpPr/>
      </xdr:nvSpPr>
      <xdr:spPr>
        <a:xfrm>
          <a:off x="4584700" y="13068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0608</xdr:rowOff>
    </xdr:from>
    <xdr:to>
      <xdr:col>19</xdr:col>
      <xdr:colOff>177800</xdr:colOff>
      <xdr:row>77</xdr:row>
      <xdr:rowOff>121983</xdr:rowOff>
    </xdr:to>
    <xdr:cxnSp macro="">
      <xdr:nvCxnSpPr>
        <xdr:cNvPr id="173" name="直線コネクタ 172"/>
        <xdr:cNvCxnSpPr/>
      </xdr:nvCxnSpPr>
      <xdr:spPr>
        <a:xfrm flipV="1">
          <a:off x="2908300" y="13292258"/>
          <a:ext cx="889000" cy="31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95186</xdr:rowOff>
    </xdr:from>
    <xdr:to>
      <xdr:col>20</xdr:col>
      <xdr:colOff>38100</xdr:colOff>
      <xdr:row>77</xdr:row>
      <xdr:rowOff>25336</xdr:rowOff>
    </xdr:to>
    <xdr:sp macro="" textlink="">
      <xdr:nvSpPr>
        <xdr:cNvPr id="174" name="フローチャート: 判断 173"/>
        <xdr:cNvSpPr/>
      </xdr:nvSpPr>
      <xdr:spPr>
        <a:xfrm>
          <a:off x="3746500" y="13125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41863</xdr:rowOff>
    </xdr:from>
    <xdr:ext cx="469744" cy="259045"/>
    <xdr:sp macro="" textlink="">
      <xdr:nvSpPr>
        <xdr:cNvPr id="175" name="テキスト ボックス 174"/>
        <xdr:cNvSpPr txBox="1"/>
      </xdr:nvSpPr>
      <xdr:spPr>
        <a:xfrm>
          <a:off x="3562428" y="12900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41929</xdr:rowOff>
    </xdr:from>
    <xdr:to>
      <xdr:col>15</xdr:col>
      <xdr:colOff>50800</xdr:colOff>
      <xdr:row>77</xdr:row>
      <xdr:rowOff>121983</xdr:rowOff>
    </xdr:to>
    <xdr:cxnSp macro="">
      <xdr:nvCxnSpPr>
        <xdr:cNvPr id="176" name="直線コネクタ 175"/>
        <xdr:cNvCxnSpPr/>
      </xdr:nvCxnSpPr>
      <xdr:spPr>
        <a:xfrm>
          <a:off x="2019300" y="13172129"/>
          <a:ext cx="889000" cy="151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4499</xdr:rowOff>
    </xdr:from>
    <xdr:to>
      <xdr:col>15</xdr:col>
      <xdr:colOff>101600</xdr:colOff>
      <xdr:row>77</xdr:row>
      <xdr:rowOff>14649</xdr:rowOff>
    </xdr:to>
    <xdr:sp macro="" textlink="">
      <xdr:nvSpPr>
        <xdr:cNvPr id="177" name="フローチャート: 判断 176"/>
        <xdr:cNvSpPr/>
      </xdr:nvSpPr>
      <xdr:spPr>
        <a:xfrm>
          <a:off x="2857500" y="13114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31176</xdr:rowOff>
    </xdr:from>
    <xdr:ext cx="469744" cy="259045"/>
    <xdr:sp macro="" textlink="">
      <xdr:nvSpPr>
        <xdr:cNvPr id="178" name="テキスト ボックス 177"/>
        <xdr:cNvSpPr txBox="1"/>
      </xdr:nvSpPr>
      <xdr:spPr>
        <a:xfrm>
          <a:off x="2673428" y="12889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41929</xdr:rowOff>
    </xdr:from>
    <xdr:to>
      <xdr:col>10</xdr:col>
      <xdr:colOff>114300</xdr:colOff>
      <xdr:row>76</xdr:row>
      <xdr:rowOff>144672</xdr:rowOff>
    </xdr:to>
    <xdr:cxnSp macro="">
      <xdr:nvCxnSpPr>
        <xdr:cNvPr id="179" name="直線コネクタ 178"/>
        <xdr:cNvCxnSpPr/>
      </xdr:nvCxnSpPr>
      <xdr:spPr>
        <a:xfrm flipV="1">
          <a:off x="1130300" y="13172129"/>
          <a:ext cx="889000" cy="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35237</xdr:rowOff>
    </xdr:from>
    <xdr:to>
      <xdr:col>10</xdr:col>
      <xdr:colOff>165100</xdr:colOff>
      <xdr:row>76</xdr:row>
      <xdr:rowOff>136837</xdr:rowOff>
    </xdr:to>
    <xdr:sp macro="" textlink="">
      <xdr:nvSpPr>
        <xdr:cNvPr id="180" name="フローチャート: 判断 179"/>
        <xdr:cNvSpPr/>
      </xdr:nvSpPr>
      <xdr:spPr>
        <a:xfrm>
          <a:off x="1968500" y="13065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153363</xdr:rowOff>
    </xdr:from>
    <xdr:ext cx="469744" cy="259045"/>
    <xdr:sp macro="" textlink="">
      <xdr:nvSpPr>
        <xdr:cNvPr id="181" name="テキスト ボックス 180"/>
        <xdr:cNvSpPr txBox="1"/>
      </xdr:nvSpPr>
      <xdr:spPr>
        <a:xfrm>
          <a:off x="1784428" y="12840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9585</xdr:rowOff>
    </xdr:from>
    <xdr:to>
      <xdr:col>6</xdr:col>
      <xdr:colOff>38100</xdr:colOff>
      <xdr:row>77</xdr:row>
      <xdr:rowOff>19735</xdr:rowOff>
    </xdr:to>
    <xdr:sp macro="" textlink="">
      <xdr:nvSpPr>
        <xdr:cNvPr id="182" name="フローチャート: 判断 181"/>
        <xdr:cNvSpPr/>
      </xdr:nvSpPr>
      <xdr:spPr>
        <a:xfrm>
          <a:off x="1079500" y="13119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36263</xdr:rowOff>
    </xdr:from>
    <xdr:ext cx="469744" cy="259045"/>
    <xdr:sp macro="" textlink="">
      <xdr:nvSpPr>
        <xdr:cNvPr id="183" name="テキスト ボックス 182"/>
        <xdr:cNvSpPr txBox="1"/>
      </xdr:nvSpPr>
      <xdr:spPr>
        <a:xfrm>
          <a:off x="895428" y="12895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9241</xdr:rowOff>
    </xdr:from>
    <xdr:to>
      <xdr:col>24</xdr:col>
      <xdr:colOff>114300</xdr:colOff>
      <xdr:row>77</xdr:row>
      <xdr:rowOff>170841</xdr:rowOff>
    </xdr:to>
    <xdr:sp macro="" textlink="">
      <xdr:nvSpPr>
        <xdr:cNvPr id="189" name="楕円 188"/>
        <xdr:cNvSpPr/>
      </xdr:nvSpPr>
      <xdr:spPr>
        <a:xfrm>
          <a:off x="4584700" y="13270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5618</xdr:rowOff>
    </xdr:from>
    <xdr:ext cx="469744" cy="259045"/>
    <xdr:sp macro="" textlink="">
      <xdr:nvSpPr>
        <xdr:cNvPr id="190" name="維持補修費該当値テキスト"/>
        <xdr:cNvSpPr txBox="1"/>
      </xdr:nvSpPr>
      <xdr:spPr>
        <a:xfrm>
          <a:off x="4686300" y="13185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39808</xdr:rowOff>
    </xdr:from>
    <xdr:to>
      <xdr:col>20</xdr:col>
      <xdr:colOff>38100</xdr:colOff>
      <xdr:row>77</xdr:row>
      <xdr:rowOff>141408</xdr:rowOff>
    </xdr:to>
    <xdr:sp macro="" textlink="">
      <xdr:nvSpPr>
        <xdr:cNvPr id="191" name="楕円 190"/>
        <xdr:cNvSpPr/>
      </xdr:nvSpPr>
      <xdr:spPr>
        <a:xfrm>
          <a:off x="3746500" y="13241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32535</xdr:rowOff>
    </xdr:from>
    <xdr:ext cx="469744" cy="259045"/>
    <xdr:sp macro="" textlink="">
      <xdr:nvSpPr>
        <xdr:cNvPr id="192" name="テキスト ボックス 191"/>
        <xdr:cNvSpPr txBox="1"/>
      </xdr:nvSpPr>
      <xdr:spPr>
        <a:xfrm>
          <a:off x="3562428" y="13334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71183</xdr:rowOff>
    </xdr:from>
    <xdr:to>
      <xdr:col>15</xdr:col>
      <xdr:colOff>101600</xdr:colOff>
      <xdr:row>78</xdr:row>
      <xdr:rowOff>1333</xdr:rowOff>
    </xdr:to>
    <xdr:sp macro="" textlink="">
      <xdr:nvSpPr>
        <xdr:cNvPr id="193" name="楕円 192"/>
        <xdr:cNvSpPr/>
      </xdr:nvSpPr>
      <xdr:spPr>
        <a:xfrm>
          <a:off x="2857500" y="13272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63910</xdr:rowOff>
    </xdr:from>
    <xdr:ext cx="469744" cy="259045"/>
    <xdr:sp macro="" textlink="">
      <xdr:nvSpPr>
        <xdr:cNvPr id="194" name="テキスト ボックス 193"/>
        <xdr:cNvSpPr txBox="1"/>
      </xdr:nvSpPr>
      <xdr:spPr>
        <a:xfrm>
          <a:off x="2673428" y="13365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91129</xdr:rowOff>
    </xdr:from>
    <xdr:to>
      <xdr:col>10</xdr:col>
      <xdr:colOff>165100</xdr:colOff>
      <xdr:row>77</xdr:row>
      <xdr:rowOff>21279</xdr:rowOff>
    </xdr:to>
    <xdr:sp macro="" textlink="">
      <xdr:nvSpPr>
        <xdr:cNvPr id="195" name="楕円 194"/>
        <xdr:cNvSpPr/>
      </xdr:nvSpPr>
      <xdr:spPr>
        <a:xfrm>
          <a:off x="1968500" y="1312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2406</xdr:rowOff>
    </xdr:from>
    <xdr:ext cx="469744" cy="259045"/>
    <xdr:sp macro="" textlink="">
      <xdr:nvSpPr>
        <xdr:cNvPr id="196" name="テキスト ボックス 195"/>
        <xdr:cNvSpPr txBox="1"/>
      </xdr:nvSpPr>
      <xdr:spPr>
        <a:xfrm>
          <a:off x="1784428" y="13214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93872</xdr:rowOff>
    </xdr:from>
    <xdr:to>
      <xdr:col>6</xdr:col>
      <xdr:colOff>38100</xdr:colOff>
      <xdr:row>77</xdr:row>
      <xdr:rowOff>24022</xdr:rowOff>
    </xdr:to>
    <xdr:sp macro="" textlink="">
      <xdr:nvSpPr>
        <xdr:cNvPr id="197" name="楕円 196"/>
        <xdr:cNvSpPr/>
      </xdr:nvSpPr>
      <xdr:spPr>
        <a:xfrm>
          <a:off x="1079500" y="1312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5149</xdr:rowOff>
    </xdr:from>
    <xdr:ext cx="469744" cy="259045"/>
    <xdr:sp macro="" textlink="">
      <xdr:nvSpPr>
        <xdr:cNvPr id="198" name="テキスト ボックス 197"/>
        <xdr:cNvSpPr txBox="1"/>
      </xdr:nvSpPr>
      <xdr:spPr>
        <a:xfrm>
          <a:off x="895428" y="13216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09" name="テキスト ボックス 20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3" name="テキスト ボックス 212"/>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5" name="テキスト ボックス 21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7907</xdr:rowOff>
    </xdr:from>
    <xdr:to>
      <xdr:col>24</xdr:col>
      <xdr:colOff>62865</xdr:colOff>
      <xdr:row>99</xdr:row>
      <xdr:rowOff>82511</xdr:rowOff>
    </xdr:to>
    <xdr:cxnSp macro="">
      <xdr:nvCxnSpPr>
        <xdr:cNvPr id="223" name="直線コネクタ 222"/>
        <xdr:cNvCxnSpPr/>
      </xdr:nvCxnSpPr>
      <xdr:spPr>
        <a:xfrm flipV="1">
          <a:off x="4633595" y="15619857"/>
          <a:ext cx="1270" cy="14362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6338</xdr:rowOff>
    </xdr:from>
    <xdr:ext cx="534377" cy="259045"/>
    <xdr:sp macro="" textlink="">
      <xdr:nvSpPr>
        <xdr:cNvPr id="224" name="扶助費最小値テキスト"/>
        <xdr:cNvSpPr txBox="1"/>
      </xdr:nvSpPr>
      <xdr:spPr>
        <a:xfrm>
          <a:off x="4686300" y="17059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2511</xdr:rowOff>
    </xdr:from>
    <xdr:to>
      <xdr:col>24</xdr:col>
      <xdr:colOff>152400</xdr:colOff>
      <xdr:row>99</xdr:row>
      <xdr:rowOff>82511</xdr:rowOff>
    </xdr:to>
    <xdr:cxnSp macro="">
      <xdr:nvCxnSpPr>
        <xdr:cNvPr id="225" name="直線コネクタ 224"/>
        <xdr:cNvCxnSpPr/>
      </xdr:nvCxnSpPr>
      <xdr:spPr>
        <a:xfrm>
          <a:off x="4546600" y="17056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6034</xdr:rowOff>
    </xdr:from>
    <xdr:ext cx="599010" cy="259045"/>
    <xdr:sp macro="" textlink="">
      <xdr:nvSpPr>
        <xdr:cNvPr id="226" name="扶助費最大値テキスト"/>
        <xdr:cNvSpPr txBox="1"/>
      </xdr:nvSpPr>
      <xdr:spPr>
        <a:xfrm>
          <a:off x="4686300" y="15395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0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7907</xdr:rowOff>
    </xdr:from>
    <xdr:to>
      <xdr:col>24</xdr:col>
      <xdr:colOff>152400</xdr:colOff>
      <xdr:row>91</xdr:row>
      <xdr:rowOff>17907</xdr:rowOff>
    </xdr:to>
    <xdr:cxnSp macro="">
      <xdr:nvCxnSpPr>
        <xdr:cNvPr id="227" name="直線コネクタ 226"/>
        <xdr:cNvCxnSpPr/>
      </xdr:nvCxnSpPr>
      <xdr:spPr>
        <a:xfrm>
          <a:off x="4546600" y="15619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093</xdr:rowOff>
    </xdr:from>
    <xdr:to>
      <xdr:col>24</xdr:col>
      <xdr:colOff>63500</xdr:colOff>
      <xdr:row>97</xdr:row>
      <xdr:rowOff>47600</xdr:rowOff>
    </xdr:to>
    <xdr:cxnSp macro="">
      <xdr:nvCxnSpPr>
        <xdr:cNvPr id="228" name="直線コネクタ 227"/>
        <xdr:cNvCxnSpPr/>
      </xdr:nvCxnSpPr>
      <xdr:spPr>
        <a:xfrm flipV="1">
          <a:off x="3797300" y="16631743"/>
          <a:ext cx="838200" cy="46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6695</xdr:rowOff>
    </xdr:from>
    <xdr:ext cx="534377" cy="259045"/>
    <xdr:sp macro="" textlink="">
      <xdr:nvSpPr>
        <xdr:cNvPr id="229" name="扶助費平均値テキスト"/>
        <xdr:cNvSpPr txBox="1"/>
      </xdr:nvSpPr>
      <xdr:spPr>
        <a:xfrm>
          <a:off x="4686300" y="165958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58268</xdr:rowOff>
    </xdr:from>
    <xdr:to>
      <xdr:col>24</xdr:col>
      <xdr:colOff>114300</xdr:colOff>
      <xdr:row>97</xdr:row>
      <xdr:rowOff>88418</xdr:rowOff>
    </xdr:to>
    <xdr:sp macro="" textlink="">
      <xdr:nvSpPr>
        <xdr:cNvPr id="230" name="フローチャート: 判断 229"/>
        <xdr:cNvSpPr/>
      </xdr:nvSpPr>
      <xdr:spPr>
        <a:xfrm>
          <a:off x="4584700" y="16617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47600</xdr:rowOff>
    </xdr:from>
    <xdr:to>
      <xdr:col>19</xdr:col>
      <xdr:colOff>177800</xdr:colOff>
      <xdr:row>97</xdr:row>
      <xdr:rowOff>116446</xdr:rowOff>
    </xdr:to>
    <xdr:cxnSp macro="">
      <xdr:nvCxnSpPr>
        <xdr:cNvPr id="231" name="直線コネクタ 230"/>
        <xdr:cNvCxnSpPr/>
      </xdr:nvCxnSpPr>
      <xdr:spPr>
        <a:xfrm flipV="1">
          <a:off x="2908300" y="16678250"/>
          <a:ext cx="889000" cy="68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31483</xdr:rowOff>
    </xdr:from>
    <xdr:to>
      <xdr:col>20</xdr:col>
      <xdr:colOff>38100</xdr:colOff>
      <xdr:row>97</xdr:row>
      <xdr:rowOff>133083</xdr:rowOff>
    </xdr:to>
    <xdr:sp macro="" textlink="">
      <xdr:nvSpPr>
        <xdr:cNvPr id="232" name="フローチャート: 判断 231"/>
        <xdr:cNvSpPr/>
      </xdr:nvSpPr>
      <xdr:spPr>
        <a:xfrm>
          <a:off x="3746500" y="16662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24210</xdr:rowOff>
    </xdr:from>
    <xdr:ext cx="534377" cy="259045"/>
    <xdr:sp macro="" textlink="">
      <xdr:nvSpPr>
        <xdr:cNvPr id="233" name="テキスト ボックス 232"/>
        <xdr:cNvSpPr txBox="1"/>
      </xdr:nvSpPr>
      <xdr:spPr>
        <a:xfrm>
          <a:off x="3530111" y="16754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6446</xdr:rowOff>
    </xdr:from>
    <xdr:to>
      <xdr:col>15</xdr:col>
      <xdr:colOff>50800</xdr:colOff>
      <xdr:row>97</xdr:row>
      <xdr:rowOff>126709</xdr:rowOff>
    </xdr:to>
    <xdr:cxnSp macro="">
      <xdr:nvCxnSpPr>
        <xdr:cNvPr id="234" name="直線コネクタ 233"/>
        <xdr:cNvCxnSpPr/>
      </xdr:nvCxnSpPr>
      <xdr:spPr>
        <a:xfrm flipV="1">
          <a:off x="2019300" y="16747096"/>
          <a:ext cx="889000" cy="10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80975</xdr:rowOff>
    </xdr:from>
    <xdr:to>
      <xdr:col>15</xdr:col>
      <xdr:colOff>101600</xdr:colOff>
      <xdr:row>98</xdr:row>
      <xdr:rowOff>11125</xdr:rowOff>
    </xdr:to>
    <xdr:sp macro="" textlink="">
      <xdr:nvSpPr>
        <xdr:cNvPr id="235" name="フローチャート: 判断 234"/>
        <xdr:cNvSpPr/>
      </xdr:nvSpPr>
      <xdr:spPr>
        <a:xfrm>
          <a:off x="2857500" y="16711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2252</xdr:rowOff>
    </xdr:from>
    <xdr:ext cx="534377" cy="259045"/>
    <xdr:sp macro="" textlink="">
      <xdr:nvSpPr>
        <xdr:cNvPr id="236" name="テキスト ボックス 235"/>
        <xdr:cNvSpPr txBox="1"/>
      </xdr:nvSpPr>
      <xdr:spPr>
        <a:xfrm>
          <a:off x="2641111" y="1680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26709</xdr:rowOff>
    </xdr:from>
    <xdr:to>
      <xdr:col>10</xdr:col>
      <xdr:colOff>114300</xdr:colOff>
      <xdr:row>97</xdr:row>
      <xdr:rowOff>131445</xdr:rowOff>
    </xdr:to>
    <xdr:cxnSp macro="">
      <xdr:nvCxnSpPr>
        <xdr:cNvPr id="237" name="直線コネクタ 236"/>
        <xdr:cNvCxnSpPr/>
      </xdr:nvCxnSpPr>
      <xdr:spPr>
        <a:xfrm flipV="1">
          <a:off x="1130300" y="16757359"/>
          <a:ext cx="889000" cy="4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84252</xdr:rowOff>
    </xdr:from>
    <xdr:to>
      <xdr:col>10</xdr:col>
      <xdr:colOff>165100</xdr:colOff>
      <xdr:row>98</xdr:row>
      <xdr:rowOff>14402</xdr:rowOff>
    </xdr:to>
    <xdr:sp macro="" textlink="">
      <xdr:nvSpPr>
        <xdr:cNvPr id="238" name="フローチャート: 判断 237"/>
        <xdr:cNvSpPr/>
      </xdr:nvSpPr>
      <xdr:spPr>
        <a:xfrm>
          <a:off x="1968500" y="16714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529</xdr:rowOff>
    </xdr:from>
    <xdr:ext cx="534377" cy="259045"/>
    <xdr:sp macro="" textlink="">
      <xdr:nvSpPr>
        <xdr:cNvPr id="239" name="テキスト ボックス 238"/>
        <xdr:cNvSpPr txBox="1"/>
      </xdr:nvSpPr>
      <xdr:spPr>
        <a:xfrm>
          <a:off x="1752111" y="16807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92951</xdr:rowOff>
    </xdr:from>
    <xdr:to>
      <xdr:col>6</xdr:col>
      <xdr:colOff>38100</xdr:colOff>
      <xdr:row>98</xdr:row>
      <xdr:rowOff>23101</xdr:rowOff>
    </xdr:to>
    <xdr:sp macro="" textlink="">
      <xdr:nvSpPr>
        <xdr:cNvPr id="240" name="フローチャート: 判断 239"/>
        <xdr:cNvSpPr/>
      </xdr:nvSpPr>
      <xdr:spPr>
        <a:xfrm>
          <a:off x="1079500" y="16723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4228</xdr:rowOff>
    </xdr:from>
    <xdr:ext cx="534377" cy="259045"/>
    <xdr:sp macro="" textlink="">
      <xdr:nvSpPr>
        <xdr:cNvPr id="241" name="テキスト ボックス 240"/>
        <xdr:cNvSpPr txBox="1"/>
      </xdr:nvSpPr>
      <xdr:spPr>
        <a:xfrm>
          <a:off x="863111" y="16816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1743</xdr:rowOff>
    </xdr:from>
    <xdr:to>
      <xdr:col>24</xdr:col>
      <xdr:colOff>114300</xdr:colOff>
      <xdr:row>97</xdr:row>
      <xdr:rowOff>51893</xdr:rowOff>
    </xdr:to>
    <xdr:sp macro="" textlink="">
      <xdr:nvSpPr>
        <xdr:cNvPr id="247" name="楕円 246"/>
        <xdr:cNvSpPr/>
      </xdr:nvSpPr>
      <xdr:spPr>
        <a:xfrm>
          <a:off x="4584700" y="16580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44620</xdr:rowOff>
    </xdr:from>
    <xdr:ext cx="534377" cy="259045"/>
    <xdr:sp macro="" textlink="">
      <xdr:nvSpPr>
        <xdr:cNvPr id="248" name="扶助費該当値テキスト"/>
        <xdr:cNvSpPr txBox="1"/>
      </xdr:nvSpPr>
      <xdr:spPr>
        <a:xfrm>
          <a:off x="4686300" y="16432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68250</xdr:rowOff>
    </xdr:from>
    <xdr:to>
      <xdr:col>20</xdr:col>
      <xdr:colOff>38100</xdr:colOff>
      <xdr:row>97</xdr:row>
      <xdr:rowOff>98400</xdr:rowOff>
    </xdr:to>
    <xdr:sp macro="" textlink="">
      <xdr:nvSpPr>
        <xdr:cNvPr id="249" name="楕円 248"/>
        <xdr:cNvSpPr/>
      </xdr:nvSpPr>
      <xdr:spPr>
        <a:xfrm>
          <a:off x="3746500" y="1662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14927</xdr:rowOff>
    </xdr:from>
    <xdr:ext cx="534377" cy="259045"/>
    <xdr:sp macro="" textlink="">
      <xdr:nvSpPr>
        <xdr:cNvPr id="250" name="テキスト ボックス 249"/>
        <xdr:cNvSpPr txBox="1"/>
      </xdr:nvSpPr>
      <xdr:spPr>
        <a:xfrm>
          <a:off x="3530111" y="16402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5646</xdr:rowOff>
    </xdr:from>
    <xdr:to>
      <xdr:col>15</xdr:col>
      <xdr:colOff>101600</xdr:colOff>
      <xdr:row>97</xdr:row>
      <xdr:rowOff>167246</xdr:rowOff>
    </xdr:to>
    <xdr:sp macro="" textlink="">
      <xdr:nvSpPr>
        <xdr:cNvPr id="251" name="楕円 250"/>
        <xdr:cNvSpPr/>
      </xdr:nvSpPr>
      <xdr:spPr>
        <a:xfrm>
          <a:off x="2857500" y="16696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2323</xdr:rowOff>
    </xdr:from>
    <xdr:ext cx="534377" cy="259045"/>
    <xdr:sp macro="" textlink="">
      <xdr:nvSpPr>
        <xdr:cNvPr id="252" name="テキスト ボックス 251"/>
        <xdr:cNvSpPr txBox="1"/>
      </xdr:nvSpPr>
      <xdr:spPr>
        <a:xfrm>
          <a:off x="2641111" y="16471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75909</xdr:rowOff>
    </xdr:from>
    <xdr:to>
      <xdr:col>10</xdr:col>
      <xdr:colOff>165100</xdr:colOff>
      <xdr:row>98</xdr:row>
      <xdr:rowOff>6059</xdr:rowOff>
    </xdr:to>
    <xdr:sp macro="" textlink="">
      <xdr:nvSpPr>
        <xdr:cNvPr id="253" name="楕円 252"/>
        <xdr:cNvSpPr/>
      </xdr:nvSpPr>
      <xdr:spPr>
        <a:xfrm>
          <a:off x="1968500" y="16706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22586</xdr:rowOff>
    </xdr:from>
    <xdr:ext cx="534377" cy="259045"/>
    <xdr:sp macro="" textlink="">
      <xdr:nvSpPr>
        <xdr:cNvPr id="254" name="テキスト ボックス 253"/>
        <xdr:cNvSpPr txBox="1"/>
      </xdr:nvSpPr>
      <xdr:spPr>
        <a:xfrm>
          <a:off x="1752111" y="16481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0645</xdr:rowOff>
    </xdr:from>
    <xdr:to>
      <xdr:col>6</xdr:col>
      <xdr:colOff>38100</xdr:colOff>
      <xdr:row>98</xdr:row>
      <xdr:rowOff>10795</xdr:rowOff>
    </xdr:to>
    <xdr:sp macro="" textlink="">
      <xdr:nvSpPr>
        <xdr:cNvPr id="255" name="楕円 254"/>
        <xdr:cNvSpPr/>
      </xdr:nvSpPr>
      <xdr:spPr>
        <a:xfrm>
          <a:off x="1079500" y="16711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27322</xdr:rowOff>
    </xdr:from>
    <xdr:ext cx="534377" cy="259045"/>
    <xdr:sp macro="" textlink="">
      <xdr:nvSpPr>
        <xdr:cNvPr id="256" name="テキスト ボックス 255"/>
        <xdr:cNvSpPr txBox="1"/>
      </xdr:nvSpPr>
      <xdr:spPr>
        <a:xfrm>
          <a:off x="863111" y="1648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7" name="直線コネクタ 266"/>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8" name="テキスト ボックス 267"/>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9" name="直線コネクタ 268"/>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0" name="テキスト ボックス 269"/>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1" name="直線コネクタ 270"/>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2" name="テキスト ボックス 271"/>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3" name="直線コネクタ 272"/>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4" name="テキスト ボックス 273"/>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5" name="直線コネクタ 27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6" name="テキスト ボックス 27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67751</xdr:rowOff>
    </xdr:from>
    <xdr:to>
      <xdr:col>54</xdr:col>
      <xdr:colOff>189865</xdr:colOff>
      <xdr:row>35</xdr:row>
      <xdr:rowOff>70471</xdr:rowOff>
    </xdr:to>
    <xdr:cxnSp macro="">
      <xdr:nvCxnSpPr>
        <xdr:cNvPr id="278" name="直線コネクタ 277"/>
        <xdr:cNvCxnSpPr/>
      </xdr:nvCxnSpPr>
      <xdr:spPr>
        <a:xfrm flipV="1">
          <a:off x="10475595" y="5211251"/>
          <a:ext cx="1270" cy="8599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74298</xdr:rowOff>
    </xdr:from>
    <xdr:ext cx="599010" cy="259045"/>
    <xdr:sp macro="" textlink="">
      <xdr:nvSpPr>
        <xdr:cNvPr id="279" name="補助費等最小値テキスト"/>
        <xdr:cNvSpPr txBox="1"/>
      </xdr:nvSpPr>
      <xdr:spPr>
        <a:xfrm>
          <a:off x="10528300" y="6075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70471</xdr:rowOff>
    </xdr:from>
    <xdr:to>
      <xdr:col>55</xdr:col>
      <xdr:colOff>88900</xdr:colOff>
      <xdr:row>35</xdr:row>
      <xdr:rowOff>70471</xdr:rowOff>
    </xdr:to>
    <xdr:cxnSp macro="">
      <xdr:nvCxnSpPr>
        <xdr:cNvPr id="280" name="直線コネクタ 279"/>
        <xdr:cNvCxnSpPr/>
      </xdr:nvCxnSpPr>
      <xdr:spPr>
        <a:xfrm>
          <a:off x="10388600" y="60712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428</xdr:rowOff>
    </xdr:from>
    <xdr:ext cx="599010" cy="259045"/>
    <xdr:sp macro="" textlink="">
      <xdr:nvSpPr>
        <xdr:cNvPr id="281" name="補助費等最大値テキスト"/>
        <xdr:cNvSpPr txBox="1"/>
      </xdr:nvSpPr>
      <xdr:spPr>
        <a:xfrm>
          <a:off x="10528300" y="49864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67751</xdr:rowOff>
    </xdr:from>
    <xdr:to>
      <xdr:col>55</xdr:col>
      <xdr:colOff>88900</xdr:colOff>
      <xdr:row>30</xdr:row>
      <xdr:rowOff>67751</xdr:rowOff>
    </xdr:to>
    <xdr:cxnSp macro="">
      <xdr:nvCxnSpPr>
        <xdr:cNvPr id="282" name="直線コネクタ 281"/>
        <xdr:cNvCxnSpPr/>
      </xdr:nvCxnSpPr>
      <xdr:spPr>
        <a:xfrm>
          <a:off x="10388600" y="5211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41653</xdr:rowOff>
    </xdr:from>
    <xdr:to>
      <xdr:col>55</xdr:col>
      <xdr:colOff>0</xdr:colOff>
      <xdr:row>38</xdr:row>
      <xdr:rowOff>55762</xdr:rowOff>
    </xdr:to>
    <xdr:cxnSp macro="">
      <xdr:nvCxnSpPr>
        <xdr:cNvPr id="283" name="直線コネクタ 282"/>
        <xdr:cNvCxnSpPr/>
      </xdr:nvCxnSpPr>
      <xdr:spPr>
        <a:xfrm flipV="1">
          <a:off x="9639300" y="6042403"/>
          <a:ext cx="838200" cy="528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55006</xdr:rowOff>
    </xdr:from>
    <xdr:ext cx="599010" cy="259045"/>
    <xdr:sp macro="" textlink="">
      <xdr:nvSpPr>
        <xdr:cNvPr id="284" name="補助費等平均値テキスト"/>
        <xdr:cNvSpPr txBox="1"/>
      </xdr:nvSpPr>
      <xdr:spPr>
        <a:xfrm>
          <a:off x="10528300" y="571285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2,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32129</xdr:rowOff>
    </xdr:from>
    <xdr:to>
      <xdr:col>55</xdr:col>
      <xdr:colOff>50800</xdr:colOff>
      <xdr:row>34</xdr:row>
      <xdr:rowOff>133729</xdr:rowOff>
    </xdr:to>
    <xdr:sp macro="" textlink="">
      <xdr:nvSpPr>
        <xdr:cNvPr id="285" name="フローチャート: 判断 284"/>
        <xdr:cNvSpPr/>
      </xdr:nvSpPr>
      <xdr:spPr>
        <a:xfrm>
          <a:off x="10426700" y="5861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42806</xdr:rowOff>
    </xdr:from>
    <xdr:to>
      <xdr:col>50</xdr:col>
      <xdr:colOff>114300</xdr:colOff>
      <xdr:row>38</xdr:row>
      <xdr:rowOff>55762</xdr:rowOff>
    </xdr:to>
    <xdr:cxnSp macro="">
      <xdr:nvCxnSpPr>
        <xdr:cNvPr id="286" name="直線コネクタ 285"/>
        <xdr:cNvCxnSpPr/>
      </xdr:nvCxnSpPr>
      <xdr:spPr>
        <a:xfrm>
          <a:off x="8750300" y="6557906"/>
          <a:ext cx="889000" cy="12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34644</xdr:rowOff>
    </xdr:from>
    <xdr:to>
      <xdr:col>50</xdr:col>
      <xdr:colOff>165100</xdr:colOff>
      <xdr:row>37</xdr:row>
      <xdr:rowOff>136244</xdr:rowOff>
    </xdr:to>
    <xdr:sp macro="" textlink="">
      <xdr:nvSpPr>
        <xdr:cNvPr id="287" name="フローチャート: 判断 286"/>
        <xdr:cNvSpPr/>
      </xdr:nvSpPr>
      <xdr:spPr>
        <a:xfrm>
          <a:off x="9588500" y="6378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52771</xdr:rowOff>
    </xdr:from>
    <xdr:ext cx="534377" cy="259045"/>
    <xdr:sp macro="" textlink="">
      <xdr:nvSpPr>
        <xdr:cNvPr id="288" name="テキスト ボックス 287"/>
        <xdr:cNvSpPr txBox="1"/>
      </xdr:nvSpPr>
      <xdr:spPr>
        <a:xfrm>
          <a:off x="9372111" y="6153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1009</xdr:rowOff>
    </xdr:from>
    <xdr:to>
      <xdr:col>45</xdr:col>
      <xdr:colOff>177800</xdr:colOff>
      <xdr:row>38</xdr:row>
      <xdr:rowOff>42806</xdr:rowOff>
    </xdr:to>
    <xdr:cxnSp macro="">
      <xdr:nvCxnSpPr>
        <xdr:cNvPr id="289" name="直線コネクタ 288"/>
        <xdr:cNvCxnSpPr/>
      </xdr:nvCxnSpPr>
      <xdr:spPr>
        <a:xfrm>
          <a:off x="7861300" y="6556109"/>
          <a:ext cx="889000" cy="1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3494</xdr:rowOff>
    </xdr:from>
    <xdr:to>
      <xdr:col>46</xdr:col>
      <xdr:colOff>38100</xdr:colOff>
      <xdr:row>37</xdr:row>
      <xdr:rowOff>155094</xdr:rowOff>
    </xdr:to>
    <xdr:sp macro="" textlink="">
      <xdr:nvSpPr>
        <xdr:cNvPr id="290" name="フローチャート: 判断 289"/>
        <xdr:cNvSpPr/>
      </xdr:nvSpPr>
      <xdr:spPr>
        <a:xfrm>
          <a:off x="8699500" y="6397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71</xdr:rowOff>
    </xdr:from>
    <xdr:ext cx="534377" cy="259045"/>
    <xdr:sp macro="" textlink="">
      <xdr:nvSpPr>
        <xdr:cNvPr id="291" name="テキスト ボックス 290"/>
        <xdr:cNvSpPr txBox="1"/>
      </xdr:nvSpPr>
      <xdr:spPr>
        <a:xfrm>
          <a:off x="8483111" y="6172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32217</xdr:rowOff>
    </xdr:from>
    <xdr:to>
      <xdr:col>41</xdr:col>
      <xdr:colOff>50800</xdr:colOff>
      <xdr:row>38</xdr:row>
      <xdr:rowOff>41009</xdr:rowOff>
    </xdr:to>
    <xdr:cxnSp macro="">
      <xdr:nvCxnSpPr>
        <xdr:cNvPr id="292" name="直線コネクタ 291"/>
        <xdr:cNvCxnSpPr/>
      </xdr:nvCxnSpPr>
      <xdr:spPr>
        <a:xfrm>
          <a:off x="6972300" y="6547317"/>
          <a:ext cx="889000" cy="8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59662</xdr:rowOff>
    </xdr:from>
    <xdr:to>
      <xdr:col>41</xdr:col>
      <xdr:colOff>101600</xdr:colOff>
      <xdr:row>37</xdr:row>
      <xdr:rowOff>161262</xdr:rowOff>
    </xdr:to>
    <xdr:sp macro="" textlink="">
      <xdr:nvSpPr>
        <xdr:cNvPr id="293" name="フローチャート: 判断 292"/>
        <xdr:cNvSpPr/>
      </xdr:nvSpPr>
      <xdr:spPr>
        <a:xfrm>
          <a:off x="7810500" y="6403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6339</xdr:rowOff>
    </xdr:from>
    <xdr:ext cx="534377" cy="259045"/>
    <xdr:sp macro="" textlink="">
      <xdr:nvSpPr>
        <xdr:cNvPr id="294" name="テキスト ボックス 293"/>
        <xdr:cNvSpPr txBox="1"/>
      </xdr:nvSpPr>
      <xdr:spPr>
        <a:xfrm>
          <a:off x="7594111" y="6178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0759</xdr:rowOff>
    </xdr:from>
    <xdr:to>
      <xdr:col>36</xdr:col>
      <xdr:colOff>165100</xdr:colOff>
      <xdr:row>37</xdr:row>
      <xdr:rowOff>162359</xdr:rowOff>
    </xdr:to>
    <xdr:sp macro="" textlink="">
      <xdr:nvSpPr>
        <xdr:cNvPr id="295" name="フローチャート: 判断 294"/>
        <xdr:cNvSpPr/>
      </xdr:nvSpPr>
      <xdr:spPr>
        <a:xfrm>
          <a:off x="6921500" y="6404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7436</xdr:rowOff>
    </xdr:from>
    <xdr:ext cx="534377" cy="259045"/>
    <xdr:sp macro="" textlink="">
      <xdr:nvSpPr>
        <xdr:cNvPr id="296" name="テキスト ボックス 295"/>
        <xdr:cNvSpPr txBox="1"/>
      </xdr:nvSpPr>
      <xdr:spPr>
        <a:xfrm>
          <a:off x="6705111" y="6179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7" name="テキスト ボックス 29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8" name="テキスト ボックス 29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9" name="テキスト ボックス 29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0" name="テキスト ボックス 29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1" name="テキスト ボックス 30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62303</xdr:rowOff>
    </xdr:from>
    <xdr:to>
      <xdr:col>55</xdr:col>
      <xdr:colOff>50800</xdr:colOff>
      <xdr:row>35</xdr:row>
      <xdr:rowOff>92453</xdr:rowOff>
    </xdr:to>
    <xdr:sp macro="" textlink="">
      <xdr:nvSpPr>
        <xdr:cNvPr id="302" name="楕円 301"/>
        <xdr:cNvSpPr/>
      </xdr:nvSpPr>
      <xdr:spPr>
        <a:xfrm>
          <a:off x="10426700" y="5991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77230</xdr:rowOff>
    </xdr:from>
    <xdr:ext cx="599010" cy="259045"/>
    <xdr:sp macro="" textlink="">
      <xdr:nvSpPr>
        <xdr:cNvPr id="303" name="補助費等該当値テキスト"/>
        <xdr:cNvSpPr txBox="1"/>
      </xdr:nvSpPr>
      <xdr:spPr>
        <a:xfrm>
          <a:off x="10528300" y="5906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4962</xdr:rowOff>
    </xdr:from>
    <xdr:to>
      <xdr:col>50</xdr:col>
      <xdr:colOff>165100</xdr:colOff>
      <xdr:row>38</xdr:row>
      <xdr:rowOff>106562</xdr:rowOff>
    </xdr:to>
    <xdr:sp macro="" textlink="">
      <xdr:nvSpPr>
        <xdr:cNvPr id="304" name="楕円 303"/>
        <xdr:cNvSpPr/>
      </xdr:nvSpPr>
      <xdr:spPr>
        <a:xfrm>
          <a:off x="9588500" y="6520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97689</xdr:rowOff>
    </xdr:from>
    <xdr:ext cx="534377" cy="259045"/>
    <xdr:sp macro="" textlink="">
      <xdr:nvSpPr>
        <xdr:cNvPr id="305" name="テキスト ボックス 304"/>
        <xdr:cNvSpPr txBox="1"/>
      </xdr:nvSpPr>
      <xdr:spPr>
        <a:xfrm>
          <a:off x="9372111" y="6612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3456</xdr:rowOff>
    </xdr:from>
    <xdr:to>
      <xdr:col>46</xdr:col>
      <xdr:colOff>38100</xdr:colOff>
      <xdr:row>38</xdr:row>
      <xdr:rowOff>93606</xdr:rowOff>
    </xdr:to>
    <xdr:sp macro="" textlink="">
      <xdr:nvSpPr>
        <xdr:cNvPr id="306" name="楕円 305"/>
        <xdr:cNvSpPr/>
      </xdr:nvSpPr>
      <xdr:spPr>
        <a:xfrm>
          <a:off x="8699500" y="6507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4733</xdr:rowOff>
    </xdr:from>
    <xdr:ext cx="534377" cy="259045"/>
    <xdr:sp macro="" textlink="">
      <xdr:nvSpPr>
        <xdr:cNvPr id="307" name="テキスト ボックス 306"/>
        <xdr:cNvSpPr txBox="1"/>
      </xdr:nvSpPr>
      <xdr:spPr>
        <a:xfrm>
          <a:off x="8483111" y="6599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1659</xdr:rowOff>
    </xdr:from>
    <xdr:to>
      <xdr:col>41</xdr:col>
      <xdr:colOff>101600</xdr:colOff>
      <xdr:row>38</xdr:row>
      <xdr:rowOff>91809</xdr:rowOff>
    </xdr:to>
    <xdr:sp macro="" textlink="">
      <xdr:nvSpPr>
        <xdr:cNvPr id="308" name="楕円 307"/>
        <xdr:cNvSpPr/>
      </xdr:nvSpPr>
      <xdr:spPr>
        <a:xfrm>
          <a:off x="7810500" y="6505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2936</xdr:rowOff>
    </xdr:from>
    <xdr:ext cx="534377" cy="259045"/>
    <xdr:sp macro="" textlink="">
      <xdr:nvSpPr>
        <xdr:cNvPr id="309" name="テキスト ボックス 308"/>
        <xdr:cNvSpPr txBox="1"/>
      </xdr:nvSpPr>
      <xdr:spPr>
        <a:xfrm>
          <a:off x="7594111" y="6598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2867</xdr:rowOff>
    </xdr:from>
    <xdr:to>
      <xdr:col>36</xdr:col>
      <xdr:colOff>165100</xdr:colOff>
      <xdr:row>38</xdr:row>
      <xdr:rowOff>83017</xdr:rowOff>
    </xdr:to>
    <xdr:sp macro="" textlink="">
      <xdr:nvSpPr>
        <xdr:cNvPr id="310" name="楕円 309"/>
        <xdr:cNvSpPr/>
      </xdr:nvSpPr>
      <xdr:spPr>
        <a:xfrm>
          <a:off x="6921500" y="6496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74144</xdr:rowOff>
    </xdr:from>
    <xdr:ext cx="534377" cy="259045"/>
    <xdr:sp macro="" textlink="">
      <xdr:nvSpPr>
        <xdr:cNvPr id="311" name="テキスト ボックス 310"/>
        <xdr:cNvSpPr txBox="1"/>
      </xdr:nvSpPr>
      <xdr:spPr>
        <a:xfrm>
          <a:off x="6705111" y="6589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2" name="正方形/長方形 31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3" name="正方形/長方形 31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4" name="正方形/長方形 31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5" name="正方形/長方形 31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6" name="正方形/長方形 31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7" name="正方形/長方形 31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8" name="正方形/長方形 31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9" name="正方形/長方形 31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0" name="テキスト ボックス 31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1" name="直線コネクタ 32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2" name="直線コネクタ 321"/>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3" name="テキスト ボックス 322"/>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4" name="直線コネクタ 323"/>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44434</xdr:rowOff>
    </xdr:from>
    <xdr:ext cx="595419" cy="259045"/>
    <xdr:sp macro="" textlink="">
      <xdr:nvSpPr>
        <xdr:cNvPr id="325" name="テキスト ボックス 324"/>
        <xdr:cNvSpPr txBox="1"/>
      </xdr:nvSpPr>
      <xdr:spPr>
        <a:xfrm>
          <a:off x="6008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26" name="直線コネクタ 325"/>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60762</xdr:rowOff>
    </xdr:from>
    <xdr:ext cx="595419" cy="259045"/>
    <xdr:sp macro="" textlink="">
      <xdr:nvSpPr>
        <xdr:cNvPr id="327" name="テキスト ボックス 326"/>
        <xdr:cNvSpPr txBox="1"/>
      </xdr:nvSpPr>
      <xdr:spPr>
        <a:xfrm>
          <a:off x="6008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28" name="直線コネクタ 327"/>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29" name="テキスト ボックス 328"/>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0" name="直線コネクタ 329"/>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1" name="テキスト ボックス 330"/>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2" name="直線コネクタ 331"/>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3" name="テキスト ボックス 332"/>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5341</xdr:rowOff>
    </xdr:from>
    <xdr:to>
      <xdr:col>54</xdr:col>
      <xdr:colOff>189865</xdr:colOff>
      <xdr:row>59</xdr:row>
      <xdr:rowOff>22673</xdr:rowOff>
    </xdr:to>
    <xdr:cxnSp macro="">
      <xdr:nvCxnSpPr>
        <xdr:cNvPr id="337" name="直線コネクタ 336"/>
        <xdr:cNvCxnSpPr/>
      </xdr:nvCxnSpPr>
      <xdr:spPr>
        <a:xfrm flipV="1">
          <a:off x="10475595" y="8707841"/>
          <a:ext cx="1270" cy="14303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6500</xdr:rowOff>
    </xdr:from>
    <xdr:ext cx="534377" cy="259045"/>
    <xdr:sp macro="" textlink="">
      <xdr:nvSpPr>
        <xdr:cNvPr id="338" name="普通建設事業費最小値テキスト"/>
        <xdr:cNvSpPr txBox="1"/>
      </xdr:nvSpPr>
      <xdr:spPr>
        <a:xfrm>
          <a:off x="10528300" y="10142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2673</xdr:rowOff>
    </xdr:from>
    <xdr:to>
      <xdr:col>55</xdr:col>
      <xdr:colOff>88900</xdr:colOff>
      <xdr:row>59</xdr:row>
      <xdr:rowOff>22673</xdr:rowOff>
    </xdr:to>
    <xdr:cxnSp macro="">
      <xdr:nvCxnSpPr>
        <xdr:cNvPr id="339" name="直線コネクタ 338"/>
        <xdr:cNvCxnSpPr/>
      </xdr:nvCxnSpPr>
      <xdr:spPr>
        <a:xfrm>
          <a:off x="10388600" y="101382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2018</xdr:rowOff>
    </xdr:from>
    <xdr:ext cx="599010" cy="259045"/>
    <xdr:sp macro="" textlink="">
      <xdr:nvSpPr>
        <xdr:cNvPr id="340" name="普通建設事業費最大値テキスト"/>
        <xdr:cNvSpPr txBox="1"/>
      </xdr:nvSpPr>
      <xdr:spPr>
        <a:xfrm>
          <a:off x="10528300" y="84830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35341</xdr:rowOff>
    </xdr:from>
    <xdr:to>
      <xdr:col>55</xdr:col>
      <xdr:colOff>88900</xdr:colOff>
      <xdr:row>50</xdr:row>
      <xdr:rowOff>135341</xdr:rowOff>
    </xdr:to>
    <xdr:cxnSp macro="">
      <xdr:nvCxnSpPr>
        <xdr:cNvPr id="341" name="直線コネクタ 340"/>
        <xdr:cNvCxnSpPr/>
      </xdr:nvCxnSpPr>
      <xdr:spPr>
        <a:xfrm>
          <a:off x="10388600" y="8707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2911</xdr:rowOff>
    </xdr:from>
    <xdr:to>
      <xdr:col>55</xdr:col>
      <xdr:colOff>0</xdr:colOff>
      <xdr:row>59</xdr:row>
      <xdr:rowOff>5815</xdr:rowOff>
    </xdr:to>
    <xdr:cxnSp macro="">
      <xdr:nvCxnSpPr>
        <xdr:cNvPr id="342" name="直線コネクタ 341"/>
        <xdr:cNvCxnSpPr/>
      </xdr:nvCxnSpPr>
      <xdr:spPr>
        <a:xfrm>
          <a:off x="9639300" y="10067011"/>
          <a:ext cx="838200" cy="5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34014</xdr:rowOff>
    </xdr:from>
    <xdr:ext cx="534377" cy="259045"/>
    <xdr:sp macro="" textlink="">
      <xdr:nvSpPr>
        <xdr:cNvPr id="343" name="普通建設事業費平均値テキスト"/>
        <xdr:cNvSpPr txBox="1"/>
      </xdr:nvSpPr>
      <xdr:spPr>
        <a:xfrm>
          <a:off x="10528300" y="98066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1137</xdr:rowOff>
    </xdr:from>
    <xdr:to>
      <xdr:col>55</xdr:col>
      <xdr:colOff>50800</xdr:colOff>
      <xdr:row>58</xdr:row>
      <xdr:rowOff>112737</xdr:rowOff>
    </xdr:to>
    <xdr:sp macro="" textlink="">
      <xdr:nvSpPr>
        <xdr:cNvPr id="344" name="フローチャート: 判断 343"/>
        <xdr:cNvSpPr/>
      </xdr:nvSpPr>
      <xdr:spPr>
        <a:xfrm>
          <a:off x="10426700" y="9955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05694</xdr:rowOff>
    </xdr:from>
    <xdr:to>
      <xdr:col>50</xdr:col>
      <xdr:colOff>114300</xdr:colOff>
      <xdr:row>58</xdr:row>
      <xdr:rowOff>122911</xdr:rowOff>
    </xdr:to>
    <xdr:cxnSp macro="">
      <xdr:nvCxnSpPr>
        <xdr:cNvPr id="345" name="直線コネクタ 344"/>
        <xdr:cNvCxnSpPr/>
      </xdr:nvCxnSpPr>
      <xdr:spPr>
        <a:xfrm>
          <a:off x="8750300" y="10049794"/>
          <a:ext cx="889000" cy="17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15804</xdr:rowOff>
    </xdr:from>
    <xdr:to>
      <xdr:col>50</xdr:col>
      <xdr:colOff>165100</xdr:colOff>
      <xdr:row>58</xdr:row>
      <xdr:rowOff>117404</xdr:rowOff>
    </xdr:to>
    <xdr:sp macro="" textlink="">
      <xdr:nvSpPr>
        <xdr:cNvPr id="346" name="フローチャート: 判断 345"/>
        <xdr:cNvSpPr/>
      </xdr:nvSpPr>
      <xdr:spPr>
        <a:xfrm>
          <a:off x="9588500" y="9959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33931</xdr:rowOff>
    </xdr:from>
    <xdr:ext cx="534377" cy="259045"/>
    <xdr:sp macro="" textlink="">
      <xdr:nvSpPr>
        <xdr:cNvPr id="347" name="テキスト ボックス 346"/>
        <xdr:cNvSpPr txBox="1"/>
      </xdr:nvSpPr>
      <xdr:spPr>
        <a:xfrm>
          <a:off x="9372111" y="9735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42487</xdr:rowOff>
    </xdr:from>
    <xdr:to>
      <xdr:col>45</xdr:col>
      <xdr:colOff>177800</xdr:colOff>
      <xdr:row>58</xdr:row>
      <xdr:rowOff>105694</xdr:rowOff>
    </xdr:to>
    <xdr:cxnSp macro="">
      <xdr:nvCxnSpPr>
        <xdr:cNvPr id="348" name="直線コネクタ 347"/>
        <xdr:cNvCxnSpPr/>
      </xdr:nvCxnSpPr>
      <xdr:spPr>
        <a:xfrm>
          <a:off x="7861300" y="9986587"/>
          <a:ext cx="889000" cy="63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0946</xdr:rowOff>
    </xdr:from>
    <xdr:to>
      <xdr:col>46</xdr:col>
      <xdr:colOff>38100</xdr:colOff>
      <xdr:row>58</xdr:row>
      <xdr:rowOff>142546</xdr:rowOff>
    </xdr:to>
    <xdr:sp macro="" textlink="">
      <xdr:nvSpPr>
        <xdr:cNvPr id="349" name="フローチャート: 判断 348"/>
        <xdr:cNvSpPr/>
      </xdr:nvSpPr>
      <xdr:spPr>
        <a:xfrm>
          <a:off x="8699500" y="9985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59073</xdr:rowOff>
    </xdr:from>
    <xdr:ext cx="534377" cy="259045"/>
    <xdr:sp macro="" textlink="">
      <xdr:nvSpPr>
        <xdr:cNvPr id="350" name="テキスト ボックス 349"/>
        <xdr:cNvSpPr txBox="1"/>
      </xdr:nvSpPr>
      <xdr:spPr>
        <a:xfrm>
          <a:off x="8483111" y="9760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42487</xdr:rowOff>
    </xdr:from>
    <xdr:to>
      <xdr:col>41</xdr:col>
      <xdr:colOff>50800</xdr:colOff>
      <xdr:row>58</xdr:row>
      <xdr:rowOff>103284</xdr:rowOff>
    </xdr:to>
    <xdr:cxnSp macro="">
      <xdr:nvCxnSpPr>
        <xdr:cNvPr id="351" name="直線コネクタ 350"/>
        <xdr:cNvCxnSpPr/>
      </xdr:nvCxnSpPr>
      <xdr:spPr>
        <a:xfrm flipV="1">
          <a:off x="6972300" y="9986587"/>
          <a:ext cx="889000" cy="60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2821</xdr:rowOff>
    </xdr:from>
    <xdr:to>
      <xdr:col>41</xdr:col>
      <xdr:colOff>101600</xdr:colOff>
      <xdr:row>58</xdr:row>
      <xdr:rowOff>144421</xdr:rowOff>
    </xdr:to>
    <xdr:sp macro="" textlink="">
      <xdr:nvSpPr>
        <xdr:cNvPr id="352" name="フローチャート: 判断 351"/>
        <xdr:cNvSpPr/>
      </xdr:nvSpPr>
      <xdr:spPr>
        <a:xfrm>
          <a:off x="7810500" y="998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35548</xdr:rowOff>
    </xdr:from>
    <xdr:ext cx="534377" cy="259045"/>
    <xdr:sp macro="" textlink="">
      <xdr:nvSpPr>
        <xdr:cNvPr id="353" name="テキスト ボックス 352"/>
        <xdr:cNvSpPr txBox="1"/>
      </xdr:nvSpPr>
      <xdr:spPr>
        <a:xfrm>
          <a:off x="7594111" y="10079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2420</xdr:rowOff>
    </xdr:from>
    <xdr:to>
      <xdr:col>36</xdr:col>
      <xdr:colOff>165100</xdr:colOff>
      <xdr:row>58</xdr:row>
      <xdr:rowOff>134020</xdr:rowOff>
    </xdr:to>
    <xdr:sp macro="" textlink="">
      <xdr:nvSpPr>
        <xdr:cNvPr id="354" name="フローチャート: 判断 353"/>
        <xdr:cNvSpPr/>
      </xdr:nvSpPr>
      <xdr:spPr>
        <a:xfrm>
          <a:off x="6921500" y="997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0547</xdr:rowOff>
    </xdr:from>
    <xdr:ext cx="534377" cy="259045"/>
    <xdr:sp macro="" textlink="">
      <xdr:nvSpPr>
        <xdr:cNvPr id="355" name="テキスト ボックス 354"/>
        <xdr:cNvSpPr txBox="1"/>
      </xdr:nvSpPr>
      <xdr:spPr>
        <a:xfrm>
          <a:off x="6705111" y="9751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6465</xdr:rowOff>
    </xdr:from>
    <xdr:to>
      <xdr:col>55</xdr:col>
      <xdr:colOff>50800</xdr:colOff>
      <xdr:row>59</xdr:row>
      <xdr:rowOff>56615</xdr:rowOff>
    </xdr:to>
    <xdr:sp macro="" textlink="">
      <xdr:nvSpPr>
        <xdr:cNvPr id="361" name="楕円 360"/>
        <xdr:cNvSpPr/>
      </xdr:nvSpPr>
      <xdr:spPr>
        <a:xfrm>
          <a:off x="10426700" y="10070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41392</xdr:rowOff>
    </xdr:from>
    <xdr:ext cx="534377" cy="259045"/>
    <xdr:sp macro="" textlink="">
      <xdr:nvSpPr>
        <xdr:cNvPr id="362" name="普通建設事業費該当値テキスト"/>
        <xdr:cNvSpPr txBox="1"/>
      </xdr:nvSpPr>
      <xdr:spPr>
        <a:xfrm>
          <a:off x="10528300" y="9985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2111</xdr:rowOff>
    </xdr:from>
    <xdr:to>
      <xdr:col>50</xdr:col>
      <xdr:colOff>165100</xdr:colOff>
      <xdr:row>59</xdr:row>
      <xdr:rowOff>2261</xdr:rowOff>
    </xdr:to>
    <xdr:sp macro="" textlink="">
      <xdr:nvSpPr>
        <xdr:cNvPr id="363" name="楕円 362"/>
        <xdr:cNvSpPr/>
      </xdr:nvSpPr>
      <xdr:spPr>
        <a:xfrm>
          <a:off x="9588500" y="1001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64838</xdr:rowOff>
    </xdr:from>
    <xdr:ext cx="534377" cy="259045"/>
    <xdr:sp macro="" textlink="">
      <xdr:nvSpPr>
        <xdr:cNvPr id="364" name="テキスト ボックス 363"/>
        <xdr:cNvSpPr txBox="1"/>
      </xdr:nvSpPr>
      <xdr:spPr>
        <a:xfrm>
          <a:off x="9372111" y="10108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4894</xdr:rowOff>
    </xdr:from>
    <xdr:to>
      <xdr:col>46</xdr:col>
      <xdr:colOff>38100</xdr:colOff>
      <xdr:row>58</xdr:row>
      <xdr:rowOff>156494</xdr:rowOff>
    </xdr:to>
    <xdr:sp macro="" textlink="">
      <xdr:nvSpPr>
        <xdr:cNvPr id="365" name="楕円 364"/>
        <xdr:cNvSpPr/>
      </xdr:nvSpPr>
      <xdr:spPr>
        <a:xfrm>
          <a:off x="8699500" y="9998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47621</xdr:rowOff>
    </xdr:from>
    <xdr:ext cx="534377" cy="259045"/>
    <xdr:sp macro="" textlink="">
      <xdr:nvSpPr>
        <xdr:cNvPr id="366" name="テキスト ボックス 365"/>
        <xdr:cNvSpPr txBox="1"/>
      </xdr:nvSpPr>
      <xdr:spPr>
        <a:xfrm>
          <a:off x="8483111" y="10091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3137</xdr:rowOff>
    </xdr:from>
    <xdr:to>
      <xdr:col>41</xdr:col>
      <xdr:colOff>101600</xdr:colOff>
      <xdr:row>58</xdr:row>
      <xdr:rowOff>93287</xdr:rowOff>
    </xdr:to>
    <xdr:sp macro="" textlink="">
      <xdr:nvSpPr>
        <xdr:cNvPr id="367" name="楕円 366"/>
        <xdr:cNvSpPr/>
      </xdr:nvSpPr>
      <xdr:spPr>
        <a:xfrm>
          <a:off x="7810500" y="9935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09814</xdr:rowOff>
    </xdr:from>
    <xdr:ext cx="534377" cy="259045"/>
    <xdr:sp macro="" textlink="">
      <xdr:nvSpPr>
        <xdr:cNvPr id="368" name="テキスト ボックス 367"/>
        <xdr:cNvSpPr txBox="1"/>
      </xdr:nvSpPr>
      <xdr:spPr>
        <a:xfrm>
          <a:off x="7594111" y="9711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2484</xdr:rowOff>
    </xdr:from>
    <xdr:to>
      <xdr:col>36</xdr:col>
      <xdr:colOff>165100</xdr:colOff>
      <xdr:row>58</xdr:row>
      <xdr:rowOff>154084</xdr:rowOff>
    </xdr:to>
    <xdr:sp macro="" textlink="">
      <xdr:nvSpPr>
        <xdr:cNvPr id="369" name="楕円 368"/>
        <xdr:cNvSpPr/>
      </xdr:nvSpPr>
      <xdr:spPr>
        <a:xfrm>
          <a:off x="6921500" y="9996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45211</xdr:rowOff>
    </xdr:from>
    <xdr:ext cx="534377" cy="259045"/>
    <xdr:sp macro="" textlink="">
      <xdr:nvSpPr>
        <xdr:cNvPr id="370" name="テキスト ボックス 369"/>
        <xdr:cNvSpPr txBox="1"/>
      </xdr:nvSpPr>
      <xdr:spPr>
        <a:xfrm>
          <a:off x="6705111" y="10089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4" name="テキスト ボックス 383"/>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6" name="テキスト ボックス 385"/>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88" name="テキスト ボックス 387"/>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0" name="テキスト ボックス 389"/>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9222</xdr:rowOff>
    </xdr:from>
    <xdr:to>
      <xdr:col>54</xdr:col>
      <xdr:colOff>189865</xdr:colOff>
      <xdr:row>78</xdr:row>
      <xdr:rowOff>139700</xdr:rowOff>
    </xdr:to>
    <xdr:cxnSp macro="">
      <xdr:nvCxnSpPr>
        <xdr:cNvPr id="392" name="直線コネクタ 391"/>
        <xdr:cNvCxnSpPr/>
      </xdr:nvCxnSpPr>
      <xdr:spPr>
        <a:xfrm flipV="1">
          <a:off x="10475595" y="12030722"/>
          <a:ext cx="1270" cy="14820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393" name="普通建設事業費 （ うち新規整備　）最小値テキスト"/>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394" name="直線コネクタ 393"/>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47349</xdr:rowOff>
    </xdr:from>
    <xdr:ext cx="599010" cy="259045"/>
    <xdr:sp macro="" textlink="">
      <xdr:nvSpPr>
        <xdr:cNvPr id="395" name="普通建設事業費 （ うち新規整備　）最大値テキスト"/>
        <xdr:cNvSpPr txBox="1"/>
      </xdr:nvSpPr>
      <xdr:spPr>
        <a:xfrm>
          <a:off x="10528300" y="118059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29222</xdr:rowOff>
    </xdr:from>
    <xdr:to>
      <xdr:col>55</xdr:col>
      <xdr:colOff>88900</xdr:colOff>
      <xdr:row>70</xdr:row>
      <xdr:rowOff>29222</xdr:rowOff>
    </xdr:to>
    <xdr:cxnSp macro="">
      <xdr:nvCxnSpPr>
        <xdr:cNvPr id="396" name="直線コネクタ 395"/>
        <xdr:cNvCxnSpPr/>
      </xdr:nvCxnSpPr>
      <xdr:spPr>
        <a:xfrm>
          <a:off x="10388600" y="12030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18673</xdr:rowOff>
    </xdr:from>
    <xdr:to>
      <xdr:col>55</xdr:col>
      <xdr:colOff>0</xdr:colOff>
      <xdr:row>78</xdr:row>
      <xdr:rowOff>126450</xdr:rowOff>
    </xdr:to>
    <xdr:cxnSp macro="">
      <xdr:nvCxnSpPr>
        <xdr:cNvPr id="397" name="直線コネクタ 396"/>
        <xdr:cNvCxnSpPr/>
      </xdr:nvCxnSpPr>
      <xdr:spPr>
        <a:xfrm flipV="1">
          <a:off x="9639300" y="13491773"/>
          <a:ext cx="838200" cy="7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6990</xdr:rowOff>
    </xdr:from>
    <xdr:ext cx="534377" cy="259045"/>
    <xdr:sp macro="" textlink="">
      <xdr:nvSpPr>
        <xdr:cNvPr id="398" name="普通建設事業費 （ うち新規整備　）平均値テキスト"/>
        <xdr:cNvSpPr txBox="1"/>
      </xdr:nvSpPr>
      <xdr:spPr>
        <a:xfrm>
          <a:off x="10528300" y="132286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113</xdr:rowOff>
    </xdr:from>
    <xdr:to>
      <xdr:col>55</xdr:col>
      <xdr:colOff>50800</xdr:colOff>
      <xdr:row>78</xdr:row>
      <xdr:rowOff>105713</xdr:rowOff>
    </xdr:to>
    <xdr:sp macro="" textlink="">
      <xdr:nvSpPr>
        <xdr:cNvPr id="399" name="フローチャート: 判断 398"/>
        <xdr:cNvSpPr/>
      </xdr:nvSpPr>
      <xdr:spPr>
        <a:xfrm>
          <a:off x="10426700" y="13377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26267</xdr:rowOff>
    </xdr:from>
    <xdr:to>
      <xdr:col>50</xdr:col>
      <xdr:colOff>114300</xdr:colOff>
      <xdr:row>78</xdr:row>
      <xdr:rowOff>126450</xdr:rowOff>
    </xdr:to>
    <xdr:cxnSp macro="">
      <xdr:nvCxnSpPr>
        <xdr:cNvPr id="400" name="直線コネクタ 399"/>
        <xdr:cNvCxnSpPr/>
      </xdr:nvCxnSpPr>
      <xdr:spPr>
        <a:xfrm>
          <a:off x="8750300" y="13499367"/>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9342</xdr:rowOff>
    </xdr:from>
    <xdr:to>
      <xdr:col>50</xdr:col>
      <xdr:colOff>165100</xdr:colOff>
      <xdr:row>78</xdr:row>
      <xdr:rowOff>110942</xdr:rowOff>
    </xdr:to>
    <xdr:sp macro="" textlink="">
      <xdr:nvSpPr>
        <xdr:cNvPr id="401" name="フローチャート: 判断 400"/>
        <xdr:cNvSpPr/>
      </xdr:nvSpPr>
      <xdr:spPr>
        <a:xfrm>
          <a:off x="9588500" y="1338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7469</xdr:rowOff>
    </xdr:from>
    <xdr:ext cx="534377" cy="259045"/>
    <xdr:sp macro="" textlink="">
      <xdr:nvSpPr>
        <xdr:cNvPr id="402" name="テキスト ボックス 401"/>
        <xdr:cNvSpPr txBox="1"/>
      </xdr:nvSpPr>
      <xdr:spPr>
        <a:xfrm>
          <a:off x="9372111" y="1315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2287</xdr:rowOff>
    </xdr:from>
    <xdr:to>
      <xdr:col>45</xdr:col>
      <xdr:colOff>177800</xdr:colOff>
      <xdr:row>78</xdr:row>
      <xdr:rowOff>126267</xdr:rowOff>
    </xdr:to>
    <xdr:cxnSp macro="">
      <xdr:nvCxnSpPr>
        <xdr:cNvPr id="403" name="直線コネクタ 402"/>
        <xdr:cNvCxnSpPr/>
      </xdr:nvCxnSpPr>
      <xdr:spPr>
        <a:xfrm>
          <a:off x="7861300" y="13395387"/>
          <a:ext cx="889000" cy="103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4174</xdr:rowOff>
    </xdr:from>
    <xdr:to>
      <xdr:col>46</xdr:col>
      <xdr:colOff>38100</xdr:colOff>
      <xdr:row>78</xdr:row>
      <xdr:rowOff>125774</xdr:rowOff>
    </xdr:to>
    <xdr:sp macro="" textlink="">
      <xdr:nvSpPr>
        <xdr:cNvPr id="404" name="フローチャート: 判断 403"/>
        <xdr:cNvSpPr/>
      </xdr:nvSpPr>
      <xdr:spPr>
        <a:xfrm>
          <a:off x="8699500" y="13397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2301</xdr:rowOff>
    </xdr:from>
    <xdr:ext cx="534377" cy="259045"/>
    <xdr:sp macro="" textlink="">
      <xdr:nvSpPr>
        <xdr:cNvPr id="405" name="テキスト ボックス 404"/>
        <xdr:cNvSpPr txBox="1"/>
      </xdr:nvSpPr>
      <xdr:spPr>
        <a:xfrm>
          <a:off x="8483111" y="13172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22287</xdr:rowOff>
    </xdr:from>
    <xdr:to>
      <xdr:col>41</xdr:col>
      <xdr:colOff>50800</xdr:colOff>
      <xdr:row>78</xdr:row>
      <xdr:rowOff>75595</xdr:rowOff>
    </xdr:to>
    <xdr:cxnSp macro="">
      <xdr:nvCxnSpPr>
        <xdr:cNvPr id="406" name="直線コネクタ 405"/>
        <xdr:cNvCxnSpPr/>
      </xdr:nvCxnSpPr>
      <xdr:spPr>
        <a:xfrm flipV="1">
          <a:off x="6972300" y="13395387"/>
          <a:ext cx="889000" cy="53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5304</xdr:rowOff>
    </xdr:from>
    <xdr:to>
      <xdr:col>41</xdr:col>
      <xdr:colOff>101600</xdr:colOff>
      <xdr:row>78</xdr:row>
      <xdr:rowOff>116904</xdr:rowOff>
    </xdr:to>
    <xdr:sp macro="" textlink="">
      <xdr:nvSpPr>
        <xdr:cNvPr id="407" name="フローチャート: 判断 406"/>
        <xdr:cNvSpPr/>
      </xdr:nvSpPr>
      <xdr:spPr>
        <a:xfrm>
          <a:off x="7810500" y="1338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8031</xdr:rowOff>
    </xdr:from>
    <xdr:ext cx="534377" cy="259045"/>
    <xdr:sp macro="" textlink="">
      <xdr:nvSpPr>
        <xdr:cNvPr id="408" name="テキスト ボックス 407"/>
        <xdr:cNvSpPr txBox="1"/>
      </xdr:nvSpPr>
      <xdr:spPr>
        <a:xfrm>
          <a:off x="7594111" y="13481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70689</xdr:rowOff>
    </xdr:from>
    <xdr:to>
      <xdr:col>36</xdr:col>
      <xdr:colOff>165100</xdr:colOff>
      <xdr:row>78</xdr:row>
      <xdr:rowOff>100839</xdr:rowOff>
    </xdr:to>
    <xdr:sp macro="" textlink="">
      <xdr:nvSpPr>
        <xdr:cNvPr id="409" name="フローチャート: 判断 408"/>
        <xdr:cNvSpPr/>
      </xdr:nvSpPr>
      <xdr:spPr>
        <a:xfrm>
          <a:off x="6921500" y="13372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7366</xdr:rowOff>
    </xdr:from>
    <xdr:ext cx="534377" cy="259045"/>
    <xdr:sp macro="" textlink="">
      <xdr:nvSpPr>
        <xdr:cNvPr id="410" name="テキスト ボックス 409"/>
        <xdr:cNvSpPr txBox="1"/>
      </xdr:nvSpPr>
      <xdr:spPr>
        <a:xfrm>
          <a:off x="6705111" y="13147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7873</xdr:rowOff>
    </xdr:from>
    <xdr:to>
      <xdr:col>55</xdr:col>
      <xdr:colOff>50800</xdr:colOff>
      <xdr:row>78</xdr:row>
      <xdr:rowOff>169473</xdr:rowOff>
    </xdr:to>
    <xdr:sp macro="" textlink="">
      <xdr:nvSpPr>
        <xdr:cNvPr id="416" name="楕円 415"/>
        <xdr:cNvSpPr/>
      </xdr:nvSpPr>
      <xdr:spPr>
        <a:xfrm>
          <a:off x="10426700" y="13440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4250</xdr:rowOff>
    </xdr:from>
    <xdr:ext cx="469744" cy="259045"/>
    <xdr:sp macro="" textlink="">
      <xdr:nvSpPr>
        <xdr:cNvPr id="417" name="普通建設事業費 （ うち新規整備　）該当値テキスト"/>
        <xdr:cNvSpPr txBox="1"/>
      </xdr:nvSpPr>
      <xdr:spPr>
        <a:xfrm>
          <a:off x="10528300" y="13355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5650</xdr:rowOff>
    </xdr:from>
    <xdr:to>
      <xdr:col>50</xdr:col>
      <xdr:colOff>165100</xdr:colOff>
      <xdr:row>79</xdr:row>
      <xdr:rowOff>5800</xdr:rowOff>
    </xdr:to>
    <xdr:sp macro="" textlink="">
      <xdr:nvSpPr>
        <xdr:cNvPr id="418" name="楕円 417"/>
        <xdr:cNvSpPr/>
      </xdr:nvSpPr>
      <xdr:spPr>
        <a:xfrm>
          <a:off x="9588500" y="13448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68377</xdr:rowOff>
    </xdr:from>
    <xdr:ext cx="469744" cy="259045"/>
    <xdr:sp macro="" textlink="">
      <xdr:nvSpPr>
        <xdr:cNvPr id="419" name="テキスト ボックス 418"/>
        <xdr:cNvSpPr txBox="1"/>
      </xdr:nvSpPr>
      <xdr:spPr>
        <a:xfrm>
          <a:off x="9404428" y="1354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75467</xdr:rowOff>
    </xdr:from>
    <xdr:to>
      <xdr:col>46</xdr:col>
      <xdr:colOff>38100</xdr:colOff>
      <xdr:row>79</xdr:row>
      <xdr:rowOff>5617</xdr:rowOff>
    </xdr:to>
    <xdr:sp macro="" textlink="">
      <xdr:nvSpPr>
        <xdr:cNvPr id="420" name="楕円 419"/>
        <xdr:cNvSpPr/>
      </xdr:nvSpPr>
      <xdr:spPr>
        <a:xfrm>
          <a:off x="8699500" y="13448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68194</xdr:rowOff>
    </xdr:from>
    <xdr:ext cx="469744" cy="259045"/>
    <xdr:sp macro="" textlink="">
      <xdr:nvSpPr>
        <xdr:cNvPr id="421" name="テキスト ボックス 420"/>
        <xdr:cNvSpPr txBox="1"/>
      </xdr:nvSpPr>
      <xdr:spPr>
        <a:xfrm>
          <a:off x="8515428" y="13541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2937</xdr:rowOff>
    </xdr:from>
    <xdr:to>
      <xdr:col>41</xdr:col>
      <xdr:colOff>101600</xdr:colOff>
      <xdr:row>78</xdr:row>
      <xdr:rowOff>73087</xdr:rowOff>
    </xdr:to>
    <xdr:sp macro="" textlink="">
      <xdr:nvSpPr>
        <xdr:cNvPr id="422" name="楕円 421"/>
        <xdr:cNvSpPr/>
      </xdr:nvSpPr>
      <xdr:spPr>
        <a:xfrm>
          <a:off x="7810500" y="13344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9614</xdr:rowOff>
    </xdr:from>
    <xdr:ext cx="534377" cy="259045"/>
    <xdr:sp macro="" textlink="">
      <xdr:nvSpPr>
        <xdr:cNvPr id="423" name="テキスト ボックス 422"/>
        <xdr:cNvSpPr txBox="1"/>
      </xdr:nvSpPr>
      <xdr:spPr>
        <a:xfrm>
          <a:off x="7594111" y="13119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4795</xdr:rowOff>
    </xdr:from>
    <xdr:to>
      <xdr:col>36</xdr:col>
      <xdr:colOff>165100</xdr:colOff>
      <xdr:row>78</xdr:row>
      <xdr:rowOff>126395</xdr:rowOff>
    </xdr:to>
    <xdr:sp macro="" textlink="">
      <xdr:nvSpPr>
        <xdr:cNvPr id="424" name="楕円 423"/>
        <xdr:cNvSpPr/>
      </xdr:nvSpPr>
      <xdr:spPr>
        <a:xfrm>
          <a:off x="6921500" y="13397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7522</xdr:rowOff>
    </xdr:from>
    <xdr:ext cx="534377" cy="259045"/>
    <xdr:sp macro="" textlink="">
      <xdr:nvSpPr>
        <xdr:cNvPr id="425" name="テキスト ボックス 424"/>
        <xdr:cNvSpPr txBox="1"/>
      </xdr:nvSpPr>
      <xdr:spPr>
        <a:xfrm>
          <a:off x="6705111" y="13490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36" name="直線コネクタ 435"/>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37" name="テキスト ボックス 436"/>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38" name="直線コネクタ 437"/>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39" name="テキスト ボックス 438"/>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0" name="直線コネクタ 439"/>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1" name="テキスト ボックス 440"/>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2" name="直線コネクタ 441"/>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3" name="テキスト ボックス 442"/>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4" name="直線コネクタ 443"/>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45" name="テキスト ボックス 444"/>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46" name="直線コネクタ 445"/>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47" name="テキスト ボックス 446"/>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9" name="テキスト ボックス 448"/>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895</xdr:rowOff>
    </xdr:from>
    <xdr:to>
      <xdr:col>54</xdr:col>
      <xdr:colOff>189865</xdr:colOff>
      <xdr:row>98</xdr:row>
      <xdr:rowOff>155136</xdr:rowOff>
    </xdr:to>
    <xdr:cxnSp macro="">
      <xdr:nvCxnSpPr>
        <xdr:cNvPr id="451" name="直線コネクタ 450"/>
        <xdr:cNvCxnSpPr/>
      </xdr:nvCxnSpPr>
      <xdr:spPr>
        <a:xfrm flipV="1">
          <a:off x="10475595" y="15525395"/>
          <a:ext cx="1270" cy="14318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8963</xdr:rowOff>
    </xdr:from>
    <xdr:ext cx="534377" cy="259045"/>
    <xdr:sp macro="" textlink="">
      <xdr:nvSpPr>
        <xdr:cNvPr id="452" name="普通建設事業費 （ うち更新整備　）最小値テキスト"/>
        <xdr:cNvSpPr txBox="1"/>
      </xdr:nvSpPr>
      <xdr:spPr>
        <a:xfrm>
          <a:off x="10528300" y="16961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55136</xdr:rowOff>
    </xdr:from>
    <xdr:to>
      <xdr:col>55</xdr:col>
      <xdr:colOff>88900</xdr:colOff>
      <xdr:row>98</xdr:row>
      <xdr:rowOff>155136</xdr:rowOff>
    </xdr:to>
    <xdr:cxnSp macro="">
      <xdr:nvCxnSpPr>
        <xdr:cNvPr id="453" name="直線コネクタ 452"/>
        <xdr:cNvCxnSpPr/>
      </xdr:nvCxnSpPr>
      <xdr:spPr>
        <a:xfrm>
          <a:off x="10388600" y="169572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572</xdr:rowOff>
    </xdr:from>
    <xdr:ext cx="599010" cy="259045"/>
    <xdr:sp macro="" textlink="">
      <xdr:nvSpPr>
        <xdr:cNvPr id="454" name="普通建設事業費 （ うち更新整備　）最大値テキスト"/>
        <xdr:cNvSpPr txBox="1"/>
      </xdr:nvSpPr>
      <xdr:spPr>
        <a:xfrm>
          <a:off x="10528300" y="153006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4895</xdr:rowOff>
    </xdr:from>
    <xdr:to>
      <xdr:col>55</xdr:col>
      <xdr:colOff>88900</xdr:colOff>
      <xdr:row>90</xdr:row>
      <xdr:rowOff>94895</xdr:rowOff>
    </xdr:to>
    <xdr:cxnSp macro="">
      <xdr:nvCxnSpPr>
        <xdr:cNvPr id="455" name="直線コネクタ 454"/>
        <xdr:cNvCxnSpPr/>
      </xdr:nvCxnSpPr>
      <xdr:spPr>
        <a:xfrm>
          <a:off x="10388600" y="155253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3902</xdr:rowOff>
    </xdr:from>
    <xdr:to>
      <xdr:col>55</xdr:col>
      <xdr:colOff>0</xdr:colOff>
      <xdr:row>98</xdr:row>
      <xdr:rowOff>61410</xdr:rowOff>
    </xdr:to>
    <xdr:cxnSp macro="">
      <xdr:nvCxnSpPr>
        <xdr:cNvPr id="456" name="直線コネクタ 455"/>
        <xdr:cNvCxnSpPr/>
      </xdr:nvCxnSpPr>
      <xdr:spPr>
        <a:xfrm>
          <a:off x="9639300" y="16664552"/>
          <a:ext cx="838200" cy="198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5287</xdr:rowOff>
    </xdr:from>
    <xdr:ext cx="534377" cy="259045"/>
    <xdr:sp macro="" textlink="">
      <xdr:nvSpPr>
        <xdr:cNvPr id="457" name="普通建設事業費 （ うち更新整備　）平均値テキスト"/>
        <xdr:cNvSpPr txBox="1"/>
      </xdr:nvSpPr>
      <xdr:spPr>
        <a:xfrm>
          <a:off x="10528300" y="164744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3860</xdr:rowOff>
    </xdr:from>
    <xdr:to>
      <xdr:col>55</xdr:col>
      <xdr:colOff>50800</xdr:colOff>
      <xdr:row>97</xdr:row>
      <xdr:rowOff>94010</xdr:rowOff>
    </xdr:to>
    <xdr:sp macro="" textlink="">
      <xdr:nvSpPr>
        <xdr:cNvPr id="458" name="フローチャート: 判断 457"/>
        <xdr:cNvSpPr/>
      </xdr:nvSpPr>
      <xdr:spPr>
        <a:xfrm>
          <a:off x="10426700" y="16623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70996</xdr:rowOff>
    </xdr:from>
    <xdr:to>
      <xdr:col>50</xdr:col>
      <xdr:colOff>114300</xdr:colOff>
      <xdr:row>97</xdr:row>
      <xdr:rowOff>33902</xdr:rowOff>
    </xdr:to>
    <xdr:cxnSp macro="">
      <xdr:nvCxnSpPr>
        <xdr:cNvPr id="459" name="直線コネクタ 458"/>
        <xdr:cNvCxnSpPr/>
      </xdr:nvCxnSpPr>
      <xdr:spPr>
        <a:xfrm>
          <a:off x="8750300" y="16630196"/>
          <a:ext cx="889000" cy="3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1720</xdr:rowOff>
    </xdr:from>
    <xdr:to>
      <xdr:col>50</xdr:col>
      <xdr:colOff>165100</xdr:colOff>
      <xdr:row>97</xdr:row>
      <xdr:rowOff>113320</xdr:rowOff>
    </xdr:to>
    <xdr:sp macro="" textlink="">
      <xdr:nvSpPr>
        <xdr:cNvPr id="460" name="フローチャート: 判断 459"/>
        <xdr:cNvSpPr/>
      </xdr:nvSpPr>
      <xdr:spPr>
        <a:xfrm>
          <a:off x="9588500" y="1664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4447</xdr:rowOff>
    </xdr:from>
    <xdr:ext cx="534377" cy="259045"/>
    <xdr:sp macro="" textlink="">
      <xdr:nvSpPr>
        <xdr:cNvPr id="461" name="テキスト ボックス 460"/>
        <xdr:cNvSpPr txBox="1"/>
      </xdr:nvSpPr>
      <xdr:spPr>
        <a:xfrm>
          <a:off x="9372111" y="16735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70996</xdr:rowOff>
    </xdr:from>
    <xdr:to>
      <xdr:col>45</xdr:col>
      <xdr:colOff>177800</xdr:colOff>
      <xdr:row>98</xdr:row>
      <xdr:rowOff>113215</xdr:rowOff>
    </xdr:to>
    <xdr:cxnSp macro="">
      <xdr:nvCxnSpPr>
        <xdr:cNvPr id="462" name="直線コネクタ 461"/>
        <xdr:cNvCxnSpPr/>
      </xdr:nvCxnSpPr>
      <xdr:spPr>
        <a:xfrm flipV="1">
          <a:off x="7861300" y="16630196"/>
          <a:ext cx="889000" cy="285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61610</xdr:rowOff>
    </xdr:from>
    <xdr:to>
      <xdr:col>46</xdr:col>
      <xdr:colOff>38100</xdr:colOff>
      <xdr:row>97</xdr:row>
      <xdr:rowOff>163210</xdr:rowOff>
    </xdr:to>
    <xdr:sp macro="" textlink="">
      <xdr:nvSpPr>
        <xdr:cNvPr id="463" name="フローチャート: 判断 462"/>
        <xdr:cNvSpPr/>
      </xdr:nvSpPr>
      <xdr:spPr>
        <a:xfrm>
          <a:off x="8699500" y="1669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54337</xdr:rowOff>
    </xdr:from>
    <xdr:ext cx="534377" cy="259045"/>
    <xdr:sp macro="" textlink="">
      <xdr:nvSpPr>
        <xdr:cNvPr id="464" name="テキスト ボックス 463"/>
        <xdr:cNvSpPr txBox="1"/>
      </xdr:nvSpPr>
      <xdr:spPr>
        <a:xfrm>
          <a:off x="8483111" y="16784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13215</xdr:rowOff>
    </xdr:from>
    <xdr:to>
      <xdr:col>41</xdr:col>
      <xdr:colOff>50800</xdr:colOff>
      <xdr:row>98</xdr:row>
      <xdr:rowOff>168145</xdr:rowOff>
    </xdr:to>
    <xdr:cxnSp macro="">
      <xdr:nvCxnSpPr>
        <xdr:cNvPr id="465" name="直線コネクタ 464"/>
        <xdr:cNvCxnSpPr/>
      </xdr:nvCxnSpPr>
      <xdr:spPr>
        <a:xfrm flipV="1">
          <a:off x="6972300" y="16915315"/>
          <a:ext cx="889000" cy="54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90794</xdr:rowOff>
    </xdr:from>
    <xdr:to>
      <xdr:col>41</xdr:col>
      <xdr:colOff>101600</xdr:colOff>
      <xdr:row>98</xdr:row>
      <xdr:rowOff>20944</xdr:rowOff>
    </xdr:to>
    <xdr:sp macro="" textlink="">
      <xdr:nvSpPr>
        <xdr:cNvPr id="466" name="フローチャート: 判断 465"/>
        <xdr:cNvSpPr/>
      </xdr:nvSpPr>
      <xdr:spPr>
        <a:xfrm>
          <a:off x="7810500" y="16721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7471</xdr:rowOff>
    </xdr:from>
    <xdr:ext cx="534377" cy="259045"/>
    <xdr:sp macro="" textlink="">
      <xdr:nvSpPr>
        <xdr:cNvPr id="467" name="テキスト ボックス 466"/>
        <xdr:cNvSpPr txBox="1"/>
      </xdr:nvSpPr>
      <xdr:spPr>
        <a:xfrm>
          <a:off x="7594111" y="16496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0474</xdr:rowOff>
    </xdr:from>
    <xdr:to>
      <xdr:col>36</xdr:col>
      <xdr:colOff>165100</xdr:colOff>
      <xdr:row>98</xdr:row>
      <xdr:rowOff>10624</xdr:rowOff>
    </xdr:to>
    <xdr:sp macro="" textlink="">
      <xdr:nvSpPr>
        <xdr:cNvPr id="468" name="フローチャート: 判断 467"/>
        <xdr:cNvSpPr/>
      </xdr:nvSpPr>
      <xdr:spPr>
        <a:xfrm>
          <a:off x="6921500" y="1671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27151</xdr:rowOff>
    </xdr:from>
    <xdr:ext cx="534377" cy="259045"/>
    <xdr:sp macro="" textlink="">
      <xdr:nvSpPr>
        <xdr:cNvPr id="469" name="テキスト ボックス 468"/>
        <xdr:cNvSpPr txBox="1"/>
      </xdr:nvSpPr>
      <xdr:spPr>
        <a:xfrm>
          <a:off x="6705111" y="16486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0610</xdr:rowOff>
    </xdr:from>
    <xdr:to>
      <xdr:col>55</xdr:col>
      <xdr:colOff>50800</xdr:colOff>
      <xdr:row>98</xdr:row>
      <xdr:rowOff>112210</xdr:rowOff>
    </xdr:to>
    <xdr:sp macro="" textlink="">
      <xdr:nvSpPr>
        <xdr:cNvPr id="475" name="楕円 474"/>
        <xdr:cNvSpPr/>
      </xdr:nvSpPr>
      <xdr:spPr>
        <a:xfrm>
          <a:off x="10426700" y="16812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6987</xdr:rowOff>
    </xdr:from>
    <xdr:ext cx="534377" cy="259045"/>
    <xdr:sp macro="" textlink="">
      <xdr:nvSpPr>
        <xdr:cNvPr id="476" name="普通建設事業費 （ うち更新整備　）該当値テキスト"/>
        <xdr:cNvSpPr txBox="1"/>
      </xdr:nvSpPr>
      <xdr:spPr>
        <a:xfrm>
          <a:off x="10528300" y="16727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54552</xdr:rowOff>
    </xdr:from>
    <xdr:to>
      <xdr:col>50</xdr:col>
      <xdr:colOff>165100</xdr:colOff>
      <xdr:row>97</xdr:row>
      <xdr:rowOff>84702</xdr:rowOff>
    </xdr:to>
    <xdr:sp macro="" textlink="">
      <xdr:nvSpPr>
        <xdr:cNvPr id="477" name="楕円 476"/>
        <xdr:cNvSpPr/>
      </xdr:nvSpPr>
      <xdr:spPr>
        <a:xfrm>
          <a:off x="9588500" y="16613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01229</xdr:rowOff>
    </xdr:from>
    <xdr:ext cx="534377" cy="259045"/>
    <xdr:sp macro="" textlink="">
      <xdr:nvSpPr>
        <xdr:cNvPr id="478" name="テキスト ボックス 477"/>
        <xdr:cNvSpPr txBox="1"/>
      </xdr:nvSpPr>
      <xdr:spPr>
        <a:xfrm>
          <a:off x="9372111" y="16388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0196</xdr:rowOff>
    </xdr:from>
    <xdr:to>
      <xdr:col>46</xdr:col>
      <xdr:colOff>38100</xdr:colOff>
      <xdr:row>97</xdr:row>
      <xdr:rowOff>50346</xdr:rowOff>
    </xdr:to>
    <xdr:sp macro="" textlink="">
      <xdr:nvSpPr>
        <xdr:cNvPr id="479" name="楕円 478"/>
        <xdr:cNvSpPr/>
      </xdr:nvSpPr>
      <xdr:spPr>
        <a:xfrm>
          <a:off x="8699500" y="16579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6873</xdr:rowOff>
    </xdr:from>
    <xdr:ext cx="534377" cy="259045"/>
    <xdr:sp macro="" textlink="">
      <xdr:nvSpPr>
        <xdr:cNvPr id="480" name="テキスト ボックス 479"/>
        <xdr:cNvSpPr txBox="1"/>
      </xdr:nvSpPr>
      <xdr:spPr>
        <a:xfrm>
          <a:off x="8483111" y="16354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62415</xdr:rowOff>
    </xdr:from>
    <xdr:to>
      <xdr:col>41</xdr:col>
      <xdr:colOff>101600</xdr:colOff>
      <xdr:row>98</xdr:row>
      <xdr:rowOff>164015</xdr:rowOff>
    </xdr:to>
    <xdr:sp macro="" textlink="">
      <xdr:nvSpPr>
        <xdr:cNvPr id="481" name="楕円 480"/>
        <xdr:cNvSpPr/>
      </xdr:nvSpPr>
      <xdr:spPr>
        <a:xfrm>
          <a:off x="7810500" y="16864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55142</xdr:rowOff>
    </xdr:from>
    <xdr:ext cx="534377" cy="259045"/>
    <xdr:sp macro="" textlink="">
      <xdr:nvSpPr>
        <xdr:cNvPr id="482" name="テキスト ボックス 481"/>
        <xdr:cNvSpPr txBox="1"/>
      </xdr:nvSpPr>
      <xdr:spPr>
        <a:xfrm>
          <a:off x="7594111" y="16957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17345</xdr:rowOff>
    </xdr:from>
    <xdr:to>
      <xdr:col>36</xdr:col>
      <xdr:colOff>165100</xdr:colOff>
      <xdr:row>99</xdr:row>
      <xdr:rowOff>47495</xdr:rowOff>
    </xdr:to>
    <xdr:sp macro="" textlink="">
      <xdr:nvSpPr>
        <xdr:cNvPr id="483" name="楕円 482"/>
        <xdr:cNvSpPr/>
      </xdr:nvSpPr>
      <xdr:spPr>
        <a:xfrm>
          <a:off x="6921500" y="1691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38622</xdr:rowOff>
    </xdr:from>
    <xdr:ext cx="469744" cy="259045"/>
    <xdr:sp macro="" textlink="">
      <xdr:nvSpPr>
        <xdr:cNvPr id="484" name="テキスト ボックス 483"/>
        <xdr:cNvSpPr txBox="1"/>
      </xdr:nvSpPr>
      <xdr:spPr>
        <a:xfrm>
          <a:off x="6737428" y="17012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5" name="直線コネクタ 494"/>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6" name="テキスト ボックス 495"/>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7" name="直線コネクタ 496"/>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8" name="テキスト ボックス 497"/>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9" name="直線コネクタ 498"/>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0" name="テキスト ボックス 499"/>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1" name="直線コネクタ 500"/>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2" name="テキスト ボックス 501"/>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3" name="直線コネクタ 502"/>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4" name="テキスト ボックス 503"/>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5" name="直線コネクタ 50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6" name="テキスト ボックス 505"/>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7"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4470</xdr:rowOff>
    </xdr:from>
    <xdr:to>
      <xdr:col>85</xdr:col>
      <xdr:colOff>126364</xdr:colOff>
      <xdr:row>39</xdr:row>
      <xdr:rowOff>44450</xdr:rowOff>
    </xdr:to>
    <xdr:cxnSp macro="">
      <xdr:nvCxnSpPr>
        <xdr:cNvPr id="508" name="直線コネクタ 507"/>
        <xdr:cNvCxnSpPr/>
      </xdr:nvCxnSpPr>
      <xdr:spPr>
        <a:xfrm flipV="1">
          <a:off x="16317595" y="5459420"/>
          <a:ext cx="1269" cy="127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6265</xdr:rowOff>
    </xdr:from>
    <xdr:ext cx="249299" cy="259045"/>
    <xdr:sp macro="" textlink="">
      <xdr:nvSpPr>
        <xdr:cNvPr id="509" name="災害復旧事業費最小値テキスト"/>
        <xdr:cNvSpPr txBox="1"/>
      </xdr:nvSpPr>
      <xdr:spPr>
        <a:xfrm>
          <a:off x="16370300" y="675281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0" name="直線コネクタ 509"/>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91147</xdr:rowOff>
    </xdr:from>
    <xdr:ext cx="599010" cy="259045"/>
    <xdr:sp macro="" textlink="">
      <xdr:nvSpPr>
        <xdr:cNvPr id="511" name="災害復旧事業費最大値テキスト"/>
        <xdr:cNvSpPr txBox="1"/>
      </xdr:nvSpPr>
      <xdr:spPr>
        <a:xfrm>
          <a:off x="16370300" y="52346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4470</xdr:rowOff>
    </xdr:from>
    <xdr:to>
      <xdr:col>86</xdr:col>
      <xdr:colOff>25400</xdr:colOff>
      <xdr:row>31</xdr:row>
      <xdr:rowOff>144470</xdr:rowOff>
    </xdr:to>
    <xdr:cxnSp macro="">
      <xdr:nvCxnSpPr>
        <xdr:cNvPr id="512" name="直線コネクタ 511"/>
        <xdr:cNvCxnSpPr/>
      </xdr:nvCxnSpPr>
      <xdr:spPr>
        <a:xfrm>
          <a:off x="16230600" y="5459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3" name="直線コネクタ 512"/>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5165</xdr:rowOff>
    </xdr:from>
    <xdr:ext cx="469744" cy="259045"/>
    <xdr:sp macro="" textlink="">
      <xdr:nvSpPr>
        <xdr:cNvPr id="514" name="災害復旧事業費平均値テキスト"/>
        <xdr:cNvSpPr txBox="1"/>
      </xdr:nvSpPr>
      <xdr:spPr>
        <a:xfrm>
          <a:off x="16370300" y="64988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2288</xdr:rowOff>
    </xdr:from>
    <xdr:to>
      <xdr:col>85</xdr:col>
      <xdr:colOff>177800</xdr:colOff>
      <xdr:row>39</xdr:row>
      <xdr:rowOff>62438</xdr:rowOff>
    </xdr:to>
    <xdr:sp macro="" textlink="">
      <xdr:nvSpPr>
        <xdr:cNvPr id="515" name="フローチャート: 判断 514"/>
        <xdr:cNvSpPr/>
      </xdr:nvSpPr>
      <xdr:spPr>
        <a:xfrm>
          <a:off x="16268700" y="6647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6" name="直線コネクタ 515"/>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39695</xdr:rowOff>
    </xdr:from>
    <xdr:to>
      <xdr:col>81</xdr:col>
      <xdr:colOff>101600</xdr:colOff>
      <xdr:row>39</xdr:row>
      <xdr:rowOff>69845</xdr:rowOff>
    </xdr:to>
    <xdr:sp macro="" textlink="">
      <xdr:nvSpPr>
        <xdr:cNvPr id="517" name="フローチャート: 判断 516"/>
        <xdr:cNvSpPr/>
      </xdr:nvSpPr>
      <xdr:spPr>
        <a:xfrm>
          <a:off x="15430500" y="6654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86372</xdr:rowOff>
    </xdr:from>
    <xdr:ext cx="469744" cy="259045"/>
    <xdr:sp macro="" textlink="">
      <xdr:nvSpPr>
        <xdr:cNvPr id="518" name="テキスト ボックス 517"/>
        <xdr:cNvSpPr txBox="1"/>
      </xdr:nvSpPr>
      <xdr:spPr>
        <a:xfrm>
          <a:off x="15246428" y="6430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19" name="直線コネクタ 518"/>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48519</xdr:rowOff>
    </xdr:from>
    <xdr:to>
      <xdr:col>76</xdr:col>
      <xdr:colOff>165100</xdr:colOff>
      <xdr:row>39</xdr:row>
      <xdr:rowOff>78669</xdr:rowOff>
    </xdr:to>
    <xdr:sp macro="" textlink="">
      <xdr:nvSpPr>
        <xdr:cNvPr id="520" name="フローチャート: 判断 519"/>
        <xdr:cNvSpPr/>
      </xdr:nvSpPr>
      <xdr:spPr>
        <a:xfrm>
          <a:off x="14541500" y="666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95196</xdr:rowOff>
    </xdr:from>
    <xdr:ext cx="469744" cy="259045"/>
    <xdr:sp macro="" textlink="">
      <xdr:nvSpPr>
        <xdr:cNvPr id="521" name="テキスト ボックス 520"/>
        <xdr:cNvSpPr txBox="1"/>
      </xdr:nvSpPr>
      <xdr:spPr>
        <a:xfrm>
          <a:off x="14357428" y="64388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2" name="直線コネクタ 521"/>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5133</xdr:rowOff>
    </xdr:from>
    <xdr:to>
      <xdr:col>72</xdr:col>
      <xdr:colOff>38100</xdr:colOff>
      <xdr:row>39</xdr:row>
      <xdr:rowOff>85283</xdr:rowOff>
    </xdr:to>
    <xdr:sp macro="" textlink="">
      <xdr:nvSpPr>
        <xdr:cNvPr id="523" name="フローチャート: 判断 522"/>
        <xdr:cNvSpPr/>
      </xdr:nvSpPr>
      <xdr:spPr>
        <a:xfrm>
          <a:off x="13652500" y="6670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01810</xdr:rowOff>
    </xdr:from>
    <xdr:ext cx="469744" cy="259045"/>
    <xdr:sp macro="" textlink="">
      <xdr:nvSpPr>
        <xdr:cNvPr id="524" name="テキスト ボックス 523"/>
        <xdr:cNvSpPr txBox="1"/>
      </xdr:nvSpPr>
      <xdr:spPr>
        <a:xfrm>
          <a:off x="13468428" y="6445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47475</xdr:rowOff>
    </xdr:from>
    <xdr:to>
      <xdr:col>67</xdr:col>
      <xdr:colOff>101600</xdr:colOff>
      <xdr:row>39</xdr:row>
      <xdr:rowOff>77625</xdr:rowOff>
    </xdr:to>
    <xdr:sp macro="" textlink="">
      <xdr:nvSpPr>
        <xdr:cNvPr id="525" name="フローチャート: 判断 524"/>
        <xdr:cNvSpPr/>
      </xdr:nvSpPr>
      <xdr:spPr>
        <a:xfrm>
          <a:off x="12763500" y="666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94152</xdr:rowOff>
    </xdr:from>
    <xdr:ext cx="469744" cy="259045"/>
    <xdr:sp macro="" textlink="">
      <xdr:nvSpPr>
        <xdr:cNvPr id="526" name="テキスト ボックス 525"/>
        <xdr:cNvSpPr txBox="1"/>
      </xdr:nvSpPr>
      <xdr:spPr>
        <a:xfrm>
          <a:off x="12579428" y="6437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7" name="テキスト ボックス 52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8" name="テキスト ボックス 52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9" name="テキスト ボックス 52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0" name="テキスト ボックス 52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1" name="テキスト ボックス 53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2" name="楕円 531"/>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10715</xdr:rowOff>
    </xdr:from>
    <xdr:ext cx="249299" cy="259045"/>
    <xdr:sp macro="" textlink="">
      <xdr:nvSpPr>
        <xdr:cNvPr id="533" name="災害復旧事業費該当値テキスト"/>
        <xdr:cNvSpPr txBox="1"/>
      </xdr:nvSpPr>
      <xdr:spPr>
        <a:xfrm>
          <a:off x="16370300" y="662581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4" name="楕円 533"/>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5" name="テキスト ボックス 534"/>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6" name="楕円 535"/>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7" name="テキスト ボックス 536"/>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38" name="楕円 537"/>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39" name="テキスト ボックス 538"/>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0" name="楕円 539"/>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1" name="テキスト ボックス 540"/>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2" name="正方形/長方形 54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3" name="正方形/長方形 54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4" name="正方形/長方形 54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5" name="正方形/長方形 54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6" name="正方形/長方形 54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7" name="正方形/長方形 54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8" name="正方形/長方形 54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9" name="正方形/長方形 54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0" name="テキスト ボックス 54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1" name="直線コネクタ 55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2" name="直線コネクタ 55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3" name="テキスト ボックス 552"/>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4" name="直線コネクタ 55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5" name="テキスト ボックス 554"/>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6"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7" name="直線コネクタ 556"/>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8"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0"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2" name="直線コネクタ 561"/>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3"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4" name="フローチャート: 判断 563"/>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5" name="直線コネクタ 564"/>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6" name="フローチャート: 判断 565"/>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7" name="テキスト ボックス 566"/>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8" name="直線コネクタ 567"/>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9" name="フローチャート: 判断 568"/>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0" name="テキスト ボックス 569"/>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1" name="直線コネクタ 570"/>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2" name="フローチャート: 判断 571"/>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3" name="テキスト ボックス 572"/>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4" name="フローチャート: 判断 573"/>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5" name="テキスト ボックス 574"/>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6" name="テキスト ボックス 57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7" name="テキスト ボックス 57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8" name="テキスト ボックス 57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9" name="テキスト ボックス 57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0" name="テキスト ボックス 57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1" name="楕円 580"/>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2"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3" name="楕円 582"/>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4" name="テキスト ボックス 583"/>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5" name="楕円 584"/>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6" name="テキスト ボックス 585"/>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7" name="楕円 586"/>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8" name="テキスト ボックス 587"/>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9" name="楕円 588"/>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0" name="テキスト ボックス 589"/>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1" name="正方形/長方形 59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2" name="正方形/長方形 59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3" name="正方形/長方形 59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4" name="正方形/長方形 59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5" name="正方形/長方形 59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6" name="正方形/長方形 59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7" name="正方形/長方形 59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8" name="正方形/長方形 59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9" name="テキスト ボックス 59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0" name="直線コネクタ 59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1" name="直線コネクタ 600"/>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2" name="テキスト ボックス 601"/>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3" name="直線コネクタ 602"/>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4" name="テキスト ボックス 603"/>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5" name="直線コネクタ 604"/>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6" name="テキスト ボックス 605"/>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7" name="直線コネクタ 606"/>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08" name="テキスト ボックス 607"/>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9" name="直線コネクタ 608"/>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0" name="テキスト ボックス 609"/>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1" name="直線コネクタ 61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2" name="テキスト ボックス 611"/>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3"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63157</xdr:rowOff>
    </xdr:from>
    <xdr:to>
      <xdr:col>85</xdr:col>
      <xdr:colOff>126364</xdr:colOff>
      <xdr:row>78</xdr:row>
      <xdr:rowOff>37954</xdr:rowOff>
    </xdr:to>
    <xdr:cxnSp macro="">
      <xdr:nvCxnSpPr>
        <xdr:cNvPr id="614" name="直線コネクタ 613"/>
        <xdr:cNvCxnSpPr/>
      </xdr:nvCxnSpPr>
      <xdr:spPr>
        <a:xfrm flipV="1">
          <a:off x="16317595" y="12064657"/>
          <a:ext cx="1269" cy="1346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1781</xdr:rowOff>
    </xdr:from>
    <xdr:ext cx="469744" cy="259045"/>
    <xdr:sp macro="" textlink="">
      <xdr:nvSpPr>
        <xdr:cNvPr id="615" name="公債費最小値テキスト"/>
        <xdr:cNvSpPr txBox="1"/>
      </xdr:nvSpPr>
      <xdr:spPr>
        <a:xfrm>
          <a:off x="16370300" y="13414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7954</xdr:rowOff>
    </xdr:from>
    <xdr:to>
      <xdr:col>86</xdr:col>
      <xdr:colOff>25400</xdr:colOff>
      <xdr:row>78</xdr:row>
      <xdr:rowOff>37954</xdr:rowOff>
    </xdr:to>
    <xdr:cxnSp macro="">
      <xdr:nvCxnSpPr>
        <xdr:cNvPr id="616" name="直線コネクタ 615"/>
        <xdr:cNvCxnSpPr/>
      </xdr:nvCxnSpPr>
      <xdr:spPr>
        <a:xfrm>
          <a:off x="16230600" y="13411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834</xdr:rowOff>
    </xdr:from>
    <xdr:ext cx="534377" cy="259045"/>
    <xdr:sp macro="" textlink="">
      <xdr:nvSpPr>
        <xdr:cNvPr id="617" name="公債費最大値テキスト"/>
        <xdr:cNvSpPr txBox="1"/>
      </xdr:nvSpPr>
      <xdr:spPr>
        <a:xfrm>
          <a:off x="16370300" y="11839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63157</xdr:rowOff>
    </xdr:from>
    <xdr:to>
      <xdr:col>86</xdr:col>
      <xdr:colOff>25400</xdr:colOff>
      <xdr:row>70</xdr:row>
      <xdr:rowOff>63157</xdr:rowOff>
    </xdr:to>
    <xdr:cxnSp macro="">
      <xdr:nvCxnSpPr>
        <xdr:cNvPr id="618" name="直線コネクタ 617"/>
        <xdr:cNvCxnSpPr/>
      </xdr:nvCxnSpPr>
      <xdr:spPr>
        <a:xfrm>
          <a:off x="16230600" y="12064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07144</xdr:rowOff>
    </xdr:from>
    <xdr:to>
      <xdr:col>85</xdr:col>
      <xdr:colOff>127000</xdr:colOff>
      <xdr:row>76</xdr:row>
      <xdr:rowOff>111277</xdr:rowOff>
    </xdr:to>
    <xdr:cxnSp macro="">
      <xdr:nvCxnSpPr>
        <xdr:cNvPr id="619" name="直線コネクタ 618"/>
        <xdr:cNvCxnSpPr/>
      </xdr:nvCxnSpPr>
      <xdr:spPr>
        <a:xfrm flipV="1">
          <a:off x="15481300" y="13137344"/>
          <a:ext cx="838200" cy="4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117397</xdr:rowOff>
    </xdr:from>
    <xdr:ext cx="534377" cy="259045"/>
    <xdr:sp macro="" textlink="">
      <xdr:nvSpPr>
        <xdr:cNvPr id="620" name="公債費平均値テキスト"/>
        <xdr:cNvSpPr txBox="1"/>
      </xdr:nvSpPr>
      <xdr:spPr>
        <a:xfrm>
          <a:off x="16370300" y="126332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94520</xdr:rowOff>
    </xdr:from>
    <xdr:to>
      <xdr:col>85</xdr:col>
      <xdr:colOff>177800</xdr:colOff>
      <xdr:row>75</xdr:row>
      <xdr:rowOff>24670</xdr:rowOff>
    </xdr:to>
    <xdr:sp macro="" textlink="">
      <xdr:nvSpPr>
        <xdr:cNvPr id="621" name="フローチャート: 判断 620"/>
        <xdr:cNvSpPr/>
      </xdr:nvSpPr>
      <xdr:spPr>
        <a:xfrm>
          <a:off x="16268700" y="1278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11277</xdr:rowOff>
    </xdr:from>
    <xdr:to>
      <xdr:col>81</xdr:col>
      <xdr:colOff>50800</xdr:colOff>
      <xdr:row>76</xdr:row>
      <xdr:rowOff>122041</xdr:rowOff>
    </xdr:to>
    <xdr:cxnSp macro="">
      <xdr:nvCxnSpPr>
        <xdr:cNvPr id="622" name="直線コネクタ 621"/>
        <xdr:cNvCxnSpPr/>
      </xdr:nvCxnSpPr>
      <xdr:spPr>
        <a:xfrm flipV="1">
          <a:off x="14592300" y="13141477"/>
          <a:ext cx="889000" cy="10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82099</xdr:rowOff>
    </xdr:from>
    <xdr:to>
      <xdr:col>81</xdr:col>
      <xdr:colOff>101600</xdr:colOff>
      <xdr:row>75</xdr:row>
      <xdr:rowOff>12249</xdr:rowOff>
    </xdr:to>
    <xdr:sp macro="" textlink="">
      <xdr:nvSpPr>
        <xdr:cNvPr id="623" name="フローチャート: 判断 622"/>
        <xdr:cNvSpPr/>
      </xdr:nvSpPr>
      <xdr:spPr>
        <a:xfrm>
          <a:off x="15430500" y="12769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28776</xdr:rowOff>
    </xdr:from>
    <xdr:ext cx="534377" cy="259045"/>
    <xdr:sp macro="" textlink="">
      <xdr:nvSpPr>
        <xdr:cNvPr id="624" name="テキスト ボックス 623"/>
        <xdr:cNvSpPr txBox="1"/>
      </xdr:nvSpPr>
      <xdr:spPr>
        <a:xfrm>
          <a:off x="15214111" y="12544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22041</xdr:rowOff>
    </xdr:from>
    <xdr:to>
      <xdr:col>76</xdr:col>
      <xdr:colOff>114300</xdr:colOff>
      <xdr:row>76</xdr:row>
      <xdr:rowOff>135567</xdr:rowOff>
    </xdr:to>
    <xdr:cxnSp macro="">
      <xdr:nvCxnSpPr>
        <xdr:cNvPr id="625" name="直線コネクタ 624"/>
        <xdr:cNvCxnSpPr/>
      </xdr:nvCxnSpPr>
      <xdr:spPr>
        <a:xfrm flipV="1">
          <a:off x="13703300" y="13152241"/>
          <a:ext cx="889000" cy="13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70860</xdr:rowOff>
    </xdr:from>
    <xdr:to>
      <xdr:col>76</xdr:col>
      <xdr:colOff>165100</xdr:colOff>
      <xdr:row>75</xdr:row>
      <xdr:rowOff>1010</xdr:rowOff>
    </xdr:to>
    <xdr:sp macro="" textlink="">
      <xdr:nvSpPr>
        <xdr:cNvPr id="626" name="フローチャート: 判断 625"/>
        <xdr:cNvSpPr/>
      </xdr:nvSpPr>
      <xdr:spPr>
        <a:xfrm>
          <a:off x="14541500" y="1275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7537</xdr:rowOff>
    </xdr:from>
    <xdr:ext cx="534377" cy="259045"/>
    <xdr:sp macro="" textlink="">
      <xdr:nvSpPr>
        <xdr:cNvPr id="627" name="テキスト ボックス 626"/>
        <xdr:cNvSpPr txBox="1"/>
      </xdr:nvSpPr>
      <xdr:spPr>
        <a:xfrm>
          <a:off x="14325111" y="12533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35567</xdr:rowOff>
    </xdr:from>
    <xdr:to>
      <xdr:col>71</xdr:col>
      <xdr:colOff>177800</xdr:colOff>
      <xdr:row>76</xdr:row>
      <xdr:rowOff>142920</xdr:rowOff>
    </xdr:to>
    <xdr:cxnSp macro="">
      <xdr:nvCxnSpPr>
        <xdr:cNvPr id="628" name="直線コネクタ 627"/>
        <xdr:cNvCxnSpPr/>
      </xdr:nvCxnSpPr>
      <xdr:spPr>
        <a:xfrm flipV="1">
          <a:off x="12814300" y="13165767"/>
          <a:ext cx="889000" cy="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73908</xdr:rowOff>
    </xdr:from>
    <xdr:to>
      <xdr:col>72</xdr:col>
      <xdr:colOff>38100</xdr:colOff>
      <xdr:row>75</xdr:row>
      <xdr:rowOff>4058</xdr:rowOff>
    </xdr:to>
    <xdr:sp macro="" textlink="">
      <xdr:nvSpPr>
        <xdr:cNvPr id="629" name="フローチャート: 判断 628"/>
        <xdr:cNvSpPr/>
      </xdr:nvSpPr>
      <xdr:spPr>
        <a:xfrm>
          <a:off x="13652500" y="12761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20585</xdr:rowOff>
    </xdr:from>
    <xdr:ext cx="534377" cy="259045"/>
    <xdr:sp macro="" textlink="">
      <xdr:nvSpPr>
        <xdr:cNvPr id="630" name="テキスト ボックス 629"/>
        <xdr:cNvSpPr txBox="1"/>
      </xdr:nvSpPr>
      <xdr:spPr>
        <a:xfrm>
          <a:off x="13436111" y="12536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74117</xdr:rowOff>
    </xdr:from>
    <xdr:to>
      <xdr:col>67</xdr:col>
      <xdr:colOff>101600</xdr:colOff>
      <xdr:row>75</xdr:row>
      <xdr:rowOff>4267</xdr:rowOff>
    </xdr:to>
    <xdr:sp macro="" textlink="">
      <xdr:nvSpPr>
        <xdr:cNvPr id="631" name="フローチャート: 判断 630"/>
        <xdr:cNvSpPr/>
      </xdr:nvSpPr>
      <xdr:spPr>
        <a:xfrm>
          <a:off x="12763500" y="1276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20794</xdr:rowOff>
    </xdr:from>
    <xdr:ext cx="534377" cy="259045"/>
    <xdr:sp macro="" textlink="">
      <xdr:nvSpPr>
        <xdr:cNvPr id="632" name="テキスト ボックス 631"/>
        <xdr:cNvSpPr txBox="1"/>
      </xdr:nvSpPr>
      <xdr:spPr>
        <a:xfrm>
          <a:off x="12547111" y="12536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3" name="テキスト ボックス 63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4" name="テキスト ボックス 63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5" name="テキスト ボックス 63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6" name="テキスト ボックス 63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7" name="テキスト ボックス 63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6344</xdr:rowOff>
    </xdr:from>
    <xdr:to>
      <xdr:col>85</xdr:col>
      <xdr:colOff>177800</xdr:colOff>
      <xdr:row>76</xdr:row>
      <xdr:rowOff>157944</xdr:rowOff>
    </xdr:to>
    <xdr:sp macro="" textlink="">
      <xdr:nvSpPr>
        <xdr:cNvPr id="638" name="楕円 637"/>
        <xdr:cNvSpPr/>
      </xdr:nvSpPr>
      <xdr:spPr>
        <a:xfrm>
          <a:off x="16268700" y="1308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34771</xdr:rowOff>
    </xdr:from>
    <xdr:ext cx="534377" cy="259045"/>
    <xdr:sp macro="" textlink="">
      <xdr:nvSpPr>
        <xdr:cNvPr id="639" name="公債費該当値テキスト"/>
        <xdr:cNvSpPr txBox="1"/>
      </xdr:nvSpPr>
      <xdr:spPr>
        <a:xfrm>
          <a:off x="16370300" y="13064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60477</xdr:rowOff>
    </xdr:from>
    <xdr:to>
      <xdr:col>81</xdr:col>
      <xdr:colOff>101600</xdr:colOff>
      <xdr:row>76</xdr:row>
      <xdr:rowOff>162077</xdr:rowOff>
    </xdr:to>
    <xdr:sp macro="" textlink="">
      <xdr:nvSpPr>
        <xdr:cNvPr id="640" name="楕円 639"/>
        <xdr:cNvSpPr/>
      </xdr:nvSpPr>
      <xdr:spPr>
        <a:xfrm>
          <a:off x="15430500" y="13090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53204</xdr:rowOff>
    </xdr:from>
    <xdr:ext cx="534377" cy="259045"/>
    <xdr:sp macro="" textlink="">
      <xdr:nvSpPr>
        <xdr:cNvPr id="641" name="テキスト ボックス 640"/>
        <xdr:cNvSpPr txBox="1"/>
      </xdr:nvSpPr>
      <xdr:spPr>
        <a:xfrm>
          <a:off x="15214111" y="13183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71241</xdr:rowOff>
    </xdr:from>
    <xdr:to>
      <xdr:col>76</xdr:col>
      <xdr:colOff>165100</xdr:colOff>
      <xdr:row>77</xdr:row>
      <xdr:rowOff>1391</xdr:rowOff>
    </xdr:to>
    <xdr:sp macro="" textlink="">
      <xdr:nvSpPr>
        <xdr:cNvPr id="642" name="楕円 641"/>
        <xdr:cNvSpPr/>
      </xdr:nvSpPr>
      <xdr:spPr>
        <a:xfrm>
          <a:off x="14541500" y="13101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63968</xdr:rowOff>
    </xdr:from>
    <xdr:ext cx="534377" cy="259045"/>
    <xdr:sp macro="" textlink="">
      <xdr:nvSpPr>
        <xdr:cNvPr id="643" name="テキスト ボックス 642"/>
        <xdr:cNvSpPr txBox="1"/>
      </xdr:nvSpPr>
      <xdr:spPr>
        <a:xfrm>
          <a:off x="14325111" y="13194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84767</xdr:rowOff>
    </xdr:from>
    <xdr:to>
      <xdr:col>72</xdr:col>
      <xdr:colOff>38100</xdr:colOff>
      <xdr:row>77</xdr:row>
      <xdr:rowOff>14917</xdr:rowOff>
    </xdr:to>
    <xdr:sp macro="" textlink="">
      <xdr:nvSpPr>
        <xdr:cNvPr id="644" name="楕円 643"/>
        <xdr:cNvSpPr/>
      </xdr:nvSpPr>
      <xdr:spPr>
        <a:xfrm>
          <a:off x="13652500" y="13114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6044</xdr:rowOff>
    </xdr:from>
    <xdr:ext cx="534377" cy="259045"/>
    <xdr:sp macro="" textlink="">
      <xdr:nvSpPr>
        <xdr:cNvPr id="645" name="テキスト ボックス 644"/>
        <xdr:cNvSpPr txBox="1"/>
      </xdr:nvSpPr>
      <xdr:spPr>
        <a:xfrm>
          <a:off x="13436111" y="13207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92120</xdr:rowOff>
    </xdr:from>
    <xdr:to>
      <xdr:col>67</xdr:col>
      <xdr:colOff>101600</xdr:colOff>
      <xdr:row>77</xdr:row>
      <xdr:rowOff>22270</xdr:rowOff>
    </xdr:to>
    <xdr:sp macro="" textlink="">
      <xdr:nvSpPr>
        <xdr:cNvPr id="646" name="楕円 645"/>
        <xdr:cNvSpPr/>
      </xdr:nvSpPr>
      <xdr:spPr>
        <a:xfrm>
          <a:off x="12763500" y="1312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3397</xdr:rowOff>
    </xdr:from>
    <xdr:ext cx="534377" cy="259045"/>
    <xdr:sp macro="" textlink="">
      <xdr:nvSpPr>
        <xdr:cNvPr id="647" name="テキスト ボックス 646"/>
        <xdr:cNvSpPr txBox="1"/>
      </xdr:nvSpPr>
      <xdr:spPr>
        <a:xfrm>
          <a:off x="12547111" y="13215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8" name="正方形/長方形 64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9" name="正方形/長方形 64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0" name="正方形/長方形 64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1" name="正方形/長方形 65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2" name="正方形/長方形 65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3" name="正方形/長方形 65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4" name="正方形/長方形 65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5" name="正方形/長方形 65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6" name="テキスト ボックス 65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7" name="直線コネクタ 65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8" name="直線コネクタ 657"/>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9" name="テキスト ボックス 658"/>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0" name="直線コネクタ 659"/>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1" name="テキスト ボックス 660"/>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2" name="直線コネクタ 66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3" name="テキスト ボックス 662"/>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4" name="直線コネクタ 663"/>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5" name="テキスト ボックス 664"/>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6" name="直線コネクタ 665"/>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7" name="テキスト ボックス 666"/>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9" name="テキスト ボックス 66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2654</xdr:rowOff>
    </xdr:from>
    <xdr:to>
      <xdr:col>85</xdr:col>
      <xdr:colOff>126364</xdr:colOff>
      <xdr:row>99</xdr:row>
      <xdr:rowOff>32245</xdr:rowOff>
    </xdr:to>
    <xdr:cxnSp macro="">
      <xdr:nvCxnSpPr>
        <xdr:cNvPr id="671" name="直線コネクタ 670"/>
        <xdr:cNvCxnSpPr/>
      </xdr:nvCxnSpPr>
      <xdr:spPr>
        <a:xfrm flipV="1">
          <a:off x="16317595" y="15704604"/>
          <a:ext cx="1269" cy="1301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6072</xdr:rowOff>
    </xdr:from>
    <xdr:ext cx="378565" cy="259045"/>
    <xdr:sp macro="" textlink="">
      <xdr:nvSpPr>
        <xdr:cNvPr id="672" name="積立金最小値テキスト"/>
        <xdr:cNvSpPr txBox="1"/>
      </xdr:nvSpPr>
      <xdr:spPr>
        <a:xfrm>
          <a:off x="16370300" y="170096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2245</xdr:rowOff>
    </xdr:from>
    <xdr:to>
      <xdr:col>86</xdr:col>
      <xdr:colOff>25400</xdr:colOff>
      <xdr:row>99</xdr:row>
      <xdr:rowOff>32245</xdr:rowOff>
    </xdr:to>
    <xdr:cxnSp macro="">
      <xdr:nvCxnSpPr>
        <xdr:cNvPr id="673" name="直線コネクタ 672"/>
        <xdr:cNvCxnSpPr/>
      </xdr:nvCxnSpPr>
      <xdr:spPr>
        <a:xfrm>
          <a:off x="16230600" y="17005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9331</xdr:rowOff>
    </xdr:from>
    <xdr:ext cx="599010" cy="259045"/>
    <xdr:sp macro="" textlink="">
      <xdr:nvSpPr>
        <xdr:cNvPr id="674" name="積立金最大値テキスト"/>
        <xdr:cNvSpPr txBox="1"/>
      </xdr:nvSpPr>
      <xdr:spPr>
        <a:xfrm>
          <a:off x="16370300" y="154798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02654</xdr:rowOff>
    </xdr:from>
    <xdr:to>
      <xdr:col>86</xdr:col>
      <xdr:colOff>25400</xdr:colOff>
      <xdr:row>91</xdr:row>
      <xdr:rowOff>102654</xdr:rowOff>
    </xdr:to>
    <xdr:cxnSp macro="">
      <xdr:nvCxnSpPr>
        <xdr:cNvPr id="675" name="直線コネクタ 674"/>
        <xdr:cNvCxnSpPr/>
      </xdr:nvCxnSpPr>
      <xdr:spPr>
        <a:xfrm>
          <a:off x="16230600" y="15704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77685</xdr:rowOff>
    </xdr:from>
    <xdr:to>
      <xdr:col>85</xdr:col>
      <xdr:colOff>127000</xdr:colOff>
      <xdr:row>98</xdr:row>
      <xdr:rowOff>114960</xdr:rowOff>
    </xdr:to>
    <xdr:cxnSp macro="">
      <xdr:nvCxnSpPr>
        <xdr:cNvPr id="676" name="直線コネクタ 675"/>
        <xdr:cNvCxnSpPr/>
      </xdr:nvCxnSpPr>
      <xdr:spPr>
        <a:xfrm>
          <a:off x="15481300" y="16879785"/>
          <a:ext cx="838200" cy="37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6283</xdr:rowOff>
    </xdr:from>
    <xdr:ext cx="534377" cy="259045"/>
    <xdr:sp macro="" textlink="">
      <xdr:nvSpPr>
        <xdr:cNvPr id="677" name="積立金平均値テキスト"/>
        <xdr:cNvSpPr txBox="1"/>
      </xdr:nvSpPr>
      <xdr:spPr>
        <a:xfrm>
          <a:off x="16370300" y="166054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3406</xdr:rowOff>
    </xdr:from>
    <xdr:to>
      <xdr:col>85</xdr:col>
      <xdr:colOff>177800</xdr:colOff>
      <xdr:row>98</xdr:row>
      <xdr:rowOff>53556</xdr:rowOff>
    </xdr:to>
    <xdr:sp macro="" textlink="">
      <xdr:nvSpPr>
        <xdr:cNvPr id="678" name="フローチャート: 判断 677"/>
        <xdr:cNvSpPr/>
      </xdr:nvSpPr>
      <xdr:spPr>
        <a:xfrm>
          <a:off x="16268700" y="16754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7685</xdr:rowOff>
    </xdr:from>
    <xdr:to>
      <xdr:col>81</xdr:col>
      <xdr:colOff>50800</xdr:colOff>
      <xdr:row>98</xdr:row>
      <xdr:rowOff>142900</xdr:rowOff>
    </xdr:to>
    <xdr:cxnSp macro="">
      <xdr:nvCxnSpPr>
        <xdr:cNvPr id="679" name="直線コネクタ 678"/>
        <xdr:cNvCxnSpPr/>
      </xdr:nvCxnSpPr>
      <xdr:spPr>
        <a:xfrm flipV="1">
          <a:off x="14592300" y="16879785"/>
          <a:ext cx="889000" cy="65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2661</xdr:rowOff>
    </xdr:from>
    <xdr:to>
      <xdr:col>81</xdr:col>
      <xdr:colOff>101600</xdr:colOff>
      <xdr:row>98</xdr:row>
      <xdr:rowOff>92811</xdr:rowOff>
    </xdr:to>
    <xdr:sp macro="" textlink="">
      <xdr:nvSpPr>
        <xdr:cNvPr id="680" name="フローチャート: 判断 679"/>
        <xdr:cNvSpPr/>
      </xdr:nvSpPr>
      <xdr:spPr>
        <a:xfrm>
          <a:off x="15430500" y="1679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09338</xdr:rowOff>
    </xdr:from>
    <xdr:ext cx="534377" cy="259045"/>
    <xdr:sp macro="" textlink="">
      <xdr:nvSpPr>
        <xdr:cNvPr id="681" name="テキスト ボックス 680"/>
        <xdr:cNvSpPr txBox="1"/>
      </xdr:nvSpPr>
      <xdr:spPr>
        <a:xfrm>
          <a:off x="15214111" y="16568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8097</xdr:rowOff>
    </xdr:from>
    <xdr:to>
      <xdr:col>76</xdr:col>
      <xdr:colOff>114300</xdr:colOff>
      <xdr:row>98</xdr:row>
      <xdr:rowOff>142900</xdr:rowOff>
    </xdr:to>
    <xdr:cxnSp macro="">
      <xdr:nvCxnSpPr>
        <xdr:cNvPr id="682" name="直線コネクタ 681"/>
        <xdr:cNvCxnSpPr/>
      </xdr:nvCxnSpPr>
      <xdr:spPr>
        <a:xfrm>
          <a:off x="13703300" y="16920197"/>
          <a:ext cx="889000" cy="24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2990</xdr:rowOff>
    </xdr:from>
    <xdr:to>
      <xdr:col>76</xdr:col>
      <xdr:colOff>165100</xdr:colOff>
      <xdr:row>98</xdr:row>
      <xdr:rowOff>73140</xdr:rowOff>
    </xdr:to>
    <xdr:sp macro="" textlink="">
      <xdr:nvSpPr>
        <xdr:cNvPr id="683" name="フローチャート: 判断 682"/>
        <xdr:cNvSpPr/>
      </xdr:nvSpPr>
      <xdr:spPr>
        <a:xfrm>
          <a:off x="14541500" y="1677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9667</xdr:rowOff>
    </xdr:from>
    <xdr:ext cx="534377" cy="259045"/>
    <xdr:sp macro="" textlink="">
      <xdr:nvSpPr>
        <xdr:cNvPr id="684" name="テキスト ボックス 683"/>
        <xdr:cNvSpPr txBox="1"/>
      </xdr:nvSpPr>
      <xdr:spPr>
        <a:xfrm>
          <a:off x="14325111" y="16548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8097</xdr:rowOff>
    </xdr:from>
    <xdr:to>
      <xdr:col>71</xdr:col>
      <xdr:colOff>177800</xdr:colOff>
      <xdr:row>99</xdr:row>
      <xdr:rowOff>25070</xdr:rowOff>
    </xdr:to>
    <xdr:cxnSp macro="">
      <xdr:nvCxnSpPr>
        <xdr:cNvPr id="685" name="直線コネクタ 684"/>
        <xdr:cNvCxnSpPr/>
      </xdr:nvCxnSpPr>
      <xdr:spPr>
        <a:xfrm flipV="1">
          <a:off x="12814300" y="16920197"/>
          <a:ext cx="889000" cy="78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1812</xdr:rowOff>
    </xdr:from>
    <xdr:to>
      <xdr:col>72</xdr:col>
      <xdr:colOff>38100</xdr:colOff>
      <xdr:row>98</xdr:row>
      <xdr:rowOff>113412</xdr:rowOff>
    </xdr:to>
    <xdr:sp macro="" textlink="">
      <xdr:nvSpPr>
        <xdr:cNvPr id="686" name="フローチャート: 判断 685"/>
        <xdr:cNvSpPr/>
      </xdr:nvSpPr>
      <xdr:spPr>
        <a:xfrm>
          <a:off x="13652500" y="16813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9939</xdr:rowOff>
    </xdr:from>
    <xdr:ext cx="534377" cy="259045"/>
    <xdr:sp macro="" textlink="">
      <xdr:nvSpPr>
        <xdr:cNvPr id="687" name="テキスト ボックス 686"/>
        <xdr:cNvSpPr txBox="1"/>
      </xdr:nvSpPr>
      <xdr:spPr>
        <a:xfrm>
          <a:off x="13436111" y="16589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9085</xdr:rowOff>
    </xdr:from>
    <xdr:to>
      <xdr:col>67</xdr:col>
      <xdr:colOff>101600</xdr:colOff>
      <xdr:row>98</xdr:row>
      <xdr:rowOff>79235</xdr:rowOff>
    </xdr:to>
    <xdr:sp macro="" textlink="">
      <xdr:nvSpPr>
        <xdr:cNvPr id="688" name="フローチャート: 判断 687"/>
        <xdr:cNvSpPr/>
      </xdr:nvSpPr>
      <xdr:spPr>
        <a:xfrm>
          <a:off x="12763500" y="16779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5762</xdr:rowOff>
    </xdr:from>
    <xdr:ext cx="534377" cy="259045"/>
    <xdr:sp macro="" textlink="">
      <xdr:nvSpPr>
        <xdr:cNvPr id="689" name="テキスト ボックス 688"/>
        <xdr:cNvSpPr txBox="1"/>
      </xdr:nvSpPr>
      <xdr:spPr>
        <a:xfrm>
          <a:off x="12547111" y="16554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4160</xdr:rowOff>
    </xdr:from>
    <xdr:to>
      <xdr:col>85</xdr:col>
      <xdr:colOff>177800</xdr:colOff>
      <xdr:row>98</xdr:row>
      <xdr:rowOff>165760</xdr:rowOff>
    </xdr:to>
    <xdr:sp macro="" textlink="">
      <xdr:nvSpPr>
        <xdr:cNvPr id="695" name="楕円 694"/>
        <xdr:cNvSpPr/>
      </xdr:nvSpPr>
      <xdr:spPr>
        <a:xfrm>
          <a:off x="16268700" y="1686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0537</xdr:rowOff>
    </xdr:from>
    <xdr:ext cx="469744" cy="259045"/>
    <xdr:sp macro="" textlink="">
      <xdr:nvSpPr>
        <xdr:cNvPr id="696" name="積立金該当値テキスト"/>
        <xdr:cNvSpPr txBox="1"/>
      </xdr:nvSpPr>
      <xdr:spPr>
        <a:xfrm>
          <a:off x="16370300" y="16781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26885</xdr:rowOff>
    </xdr:from>
    <xdr:to>
      <xdr:col>81</xdr:col>
      <xdr:colOff>101600</xdr:colOff>
      <xdr:row>98</xdr:row>
      <xdr:rowOff>128485</xdr:rowOff>
    </xdr:to>
    <xdr:sp macro="" textlink="">
      <xdr:nvSpPr>
        <xdr:cNvPr id="697" name="楕円 696"/>
        <xdr:cNvSpPr/>
      </xdr:nvSpPr>
      <xdr:spPr>
        <a:xfrm>
          <a:off x="15430500" y="16828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19612</xdr:rowOff>
    </xdr:from>
    <xdr:ext cx="534377" cy="259045"/>
    <xdr:sp macro="" textlink="">
      <xdr:nvSpPr>
        <xdr:cNvPr id="698" name="テキスト ボックス 697"/>
        <xdr:cNvSpPr txBox="1"/>
      </xdr:nvSpPr>
      <xdr:spPr>
        <a:xfrm>
          <a:off x="15214111" y="16921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92100</xdr:rowOff>
    </xdr:from>
    <xdr:to>
      <xdr:col>76</xdr:col>
      <xdr:colOff>165100</xdr:colOff>
      <xdr:row>99</xdr:row>
      <xdr:rowOff>22250</xdr:rowOff>
    </xdr:to>
    <xdr:sp macro="" textlink="">
      <xdr:nvSpPr>
        <xdr:cNvPr id="699" name="楕円 698"/>
        <xdr:cNvSpPr/>
      </xdr:nvSpPr>
      <xdr:spPr>
        <a:xfrm>
          <a:off x="14541500" y="1689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13377</xdr:rowOff>
    </xdr:from>
    <xdr:ext cx="469744" cy="259045"/>
    <xdr:sp macro="" textlink="">
      <xdr:nvSpPr>
        <xdr:cNvPr id="700" name="テキスト ボックス 699"/>
        <xdr:cNvSpPr txBox="1"/>
      </xdr:nvSpPr>
      <xdr:spPr>
        <a:xfrm>
          <a:off x="14357428" y="1698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7297</xdr:rowOff>
    </xdr:from>
    <xdr:to>
      <xdr:col>72</xdr:col>
      <xdr:colOff>38100</xdr:colOff>
      <xdr:row>98</xdr:row>
      <xdr:rowOff>168897</xdr:rowOff>
    </xdr:to>
    <xdr:sp macro="" textlink="">
      <xdr:nvSpPr>
        <xdr:cNvPr id="701" name="楕円 700"/>
        <xdr:cNvSpPr/>
      </xdr:nvSpPr>
      <xdr:spPr>
        <a:xfrm>
          <a:off x="13652500" y="16869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0024</xdr:rowOff>
    </xdr:from>
    <xdr:ext cx="469744" cy="259045"/>
    <xdr:sp macro="" textlink="">
      <xdr:nvSpPr>
        <xdr:cNvPr id="702" name="テキスト ボックス 701"/>
        <xdr:cNvSpPr txBox="1"/>
      </xdr:nvSpPr>
      <xdr:spPr>
        <a:xfrm>
          <a:off x="13468428" y="16962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5720</xdr:rowOff>
    </xdr:from>
    <xdr:to>
      <xdr:col>67</xdr:col>
      <xdr:colOff>101600</xdr:colOff>
      <xdr:row>99</xdr:row>
      <xdr:rowOff>75870</xdr:rowOff>
    </xdr:to>
    <xdr:sp macro="" textlink="">
      <xdr:nvSpPr>
        <xdr:cNvPr id="703" name="楕円 702"/>
        <xdr:cNvSpPr/>
      </xdr:nvSpPr>
      <xdr:spPr>
        <a:xfrm>
          <a:off x="12763500" y="16947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66997</xdr:rowOff>
    </xdr:from>
    <xdr:ext cx="469744" cy="259045"/>
    <xdr:sp macro="" textlink="">
      <xdr:nvSpPr>
        <xdr:cNvPr id="704" name="テキスト ボックス 703"/>
        <xdr:cNvSpPr txBox="1"/>
      </xdr:nvSpPr>
      <xdr:spPr>
        <a:xfrm>
          <a:off x="12579428" y="1704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5" name="直線コネクタ 714"/>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6" name="テキスト ボックス 715"/>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7" name="直線コネクタ 716"/>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18" name="テキスト ボックス 717"/>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0" name="テキスト ボックス 719"/>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1" name="直線コネクタ 720"/>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2" name="テキスト ボックス 721"/>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3" name="直線コネクタ 722"/>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4" name="テキスト ボックス 723"/>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2487</xdr:rowOff>
    </xdr:from>
    <xdr:to>
      <xdr:col>116</xdr:col>
      <xdr:colOff>62864</xdr:colOff>
      <xdr:row>39</xdr:row>
      <xdr:rowOff>44450</xdr:rowOff>
    </xdr:to>
    <xdr:cxnSp macro="">
      <xdr:nvCxnSpPr>
        <xdr:cNvPr id="728" name="直線コネクタ 727"/>
        <xdr:cNvCxnSpPr/>
      </xdr:nvCxnSpPr>
      <xdr:spPr>
        <a:xfrm flipV="1">
          <a:off x="22159595" y="5175987"/>
          <a:ext cx="1269" cy="15550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9"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0" name="直線コネクタ 729"/>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0614</xdr:rowOff>
    </xdr:from>
    <xdr:ext cx="534377" cy="259045"/>
    <xdr:sp macro="" textlink="">
      <xdr:nvSpPr>
        <xdr:cNvPr id="731" name="投資及び出資金最大値テキスト"/>
        <xdr:cNvSpPr txBox="1"/>
      </xdr:nvSpPr>
      <xdr:spPr>
        <a:xfrm>
          <a:off x="22212300" y="4951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2487</xdr:rowOff>
    </xdr:from>
    <xdr:to>
      <xdr:col>116</xdr:col>
      <xdr:colOff>152400</xdr:colOff>
      <xdr:row>30</xdr:row>
      <xdr:rowOff>32487</xdr:rowOff>
    </xdr:to>
    <xdr:cxnSp macro="">
      <xdr:nvCxnSpPr>
        <xdr:cNvPr id="732" name="直線コネクタ 731"/>
        <xdr:cNvCxnSpPr/>
      </xdr:nvCxnSpPr>
      <xdr:spPr>
        <a:xfrm>
          <a:off x="22072600" y="5175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0907</xdr:rowOff>
    </xdr:from>
    <xdr:to>
      <xdr:col>116</xdr:col>
      <xdr:colOff>63500</xdr:colOff>
      <xdr:row>39</xdr:row>
      <xdr:rowOff>44450</xdr:rowOff>
    </xdr:to>
    <xdr:cxnSp macro="">
      <xdr:nvCxnSpPr>
        <xdr:cNvPr id="733" name="直線コネクタ 732"/>
        <xdr:cNvCxnSpPr/>
      </xdr:nvCxnSpPr>
      <xdr:spPr>
        <a:xfrm flipV="1">
          <a:off x="21323300" y="6727457"/>
          <a:ext cx="838200" cy="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8150</xdr:rowOff>
    </xdr:from>
    <xdr:ext cx="469744" cy="259045"/>
    <xdr:sp macro="" textlink="">
      <xdr:nvSpPr>
        <xdr:cNvPr id="734" name="投資及び出資金平均値テキスト"/>
        <xdr:cNvSpPr txBox="1"/>
      </xdr:nvSpPr>
      <xdr:spPr>
        <a:xfrm>
          <a:off x="22212300" y="63918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5273</xdr:rowOff>
    </xdr:from>
    <xdr:to>
      <xdr:col>116</xdr:col>
      <xdr:colOff>114300</xdr:colOff>
      <xdr:row>38</xdr:row>
      <xdr:rowOff>126873</xdr:rowOff>
    </xdr:to>
    <xdr:sp macro="" textlink="">
      <xdr:nvSpPr>
        <xdr:cNvPr id="735" name="フローチャート: 判断 734"/>
        <xdr:cNvSpPr/>
      </xdr:nvSpPr>
      <xdr:spPr>
        <a:xfrm>
          <a:off x="22110700" y="6540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6" name="直線コネクタ 735"/>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1735</xdr:rowOff>
    </xdr:from>
    <xdr:to>
      <xdr:col>112</xdr:col>
      <xdr:colOff>38100</xdr:colOff>
      <xdr:row>38</xdr:row>
      <xdr:rowOff>163335</xdr:rowOff>
    </xdr:to>
    <xdr:sp macro="" textlink="">
      <xdr:nvSpPr>
        <xdr:cNvPr id="737" name="フローチャート: 判断 736"/>
        <xdr:cNvSpPr/>
      </xdr:nvSpPr>
      <xdr:spPr>
        <a:xfrm>
          <a:off x="21272500" y="657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8412</xdr:rowOff>
    </xdr:from>
    <xdr:ext cx="469744" cy="259045"/>
    <xdr:sp macro="" textlink="">
      <xdr:nvSpPr>
        <xdr:cNvPr id="738" name="テキスト ボックス 737"/>
        <xdr:cNvSpPr txBox="1"/>
      </xdr:nvSpPr>
      <xdr:spPr>
        <a:xfrm>
          <a:off x="21088428" y="6352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9" name="直線コネクタ 738"/>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8593</xdr:rowOff>
    </xdr:from>
    <xdr:to>
      <xdr:col>107</xdr:col>
      <xdr:colOff>101600</xdr:colOff>
      <xdr:row>38</xdr:row>
      <xdr:rowOff>170193</xdr:rowOff>
    </xdr:to>
    <xdr:sp macro="" textlink="">
      <xdr:nvSpPr>
        <xdr:cNvPr id="740" name="フローチャート: 判断 739"/>
        <xdr:cNvSpPr/>
      </xdr:nvSpPr>
      <xdr:spPr>
        <a:xfrm>
          <a:off x="20383500" y="6583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5270</xdr:rowOff>
    </xdr:from>
    <xdr:ext cx="469744" cy="259045"/>
    <xdr:sp macro="" textlink="">
      <xdr:nvSpPr>
        <xdr:cNvPr id="741" name="テキスト ボックス 740"/>
        <xdr:cNvSpPr txBox="1"/>
      </xdr:nvSpPr>
      <xdr:spPr>
        <a:xfrm>
          <a:off x="20199428" y="6358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2" name="直線コネクタ 741"/>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78384</xdr:rowOff>
    </xdr:from>
    <xdr:to>
      <xdr:col>102</xdr:col>
      <xdr:colOff>165100</xdr:colOff>
      <xdr:row>39</xdr:row>
      <xdr:rowOff>8534</xdr:rowOff>
    </xdr:to>
    <xdr:sp macro="" textlink="">
      <xdr:nvSpPr>
        <xdr:cNvPr id="743" name="フローチャート: 判断 742"/>
        <xdr:cNvSpPr/>
      </xdr:nvSpPr>
      <xdr:spPr>
        <a:xfrm>
          <a:off x="19494500" y="6593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25061</xdr:rowOff>
    </xdr:from>
    <xdr:ext cx="469744" cy="259045"/>
    <xdr:sp macro="" textlink="">
      <xdr:nvSpPr>
        <xdr:cNvPr id="744" name="テキスト ボックス 743"/>
        <xdr:cNvSpPr txBox="1"/>
      </xdr:nvSpPr>
      <xdr:spPr>
        <a:xfrm>
          <a:off x="19310428" y="6368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4747</xdr:rowOff>
    </xdr:from>
    <xdr:to>
      <xdr:col>98</xdr:col>
      <xdr:colOff>38100</xdr:colOff>
      <xdr:row>39</xdr:row>
      <xdr:rowOff>14897</xdr:rowOff>
    </xdr:to>
    <xdr:sp macro="" textlink="">
      <xdr:nvSpPr>
        <xdr:cNvPr id="745" name="フローチャート: 判断 744"/>
        <xdr:cNvSpPr/>
      </xdr:nvSpPr>
      <xdr:spPr>
        <a:xfrm>
          <a:off x="18605500" y="6599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31424</xdr:rowOff>
    </xdr:from>
    <xdr:ext cx="469744" cy="259045"/>
    <xdr:sp macro="" textlink="">
      <xdr:nvSpPr>
        <xdr:cNvPr id="746" name="テキスト ボックス 745"/>
        <xdr:cNvSpPr txBox="1"/>
      </xdr:nvSpPr>
      <xdr:spPr>
        <a:xfrm>
          <a:off x="18421428" y="6375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1557</xdr:rowOff>
    </xdr:from>
    <xdr:to>
      <xdr:col>116</xdr:col>
      <xdr:colOff>114300</xdr:colOff>
      <xdr:row>39</xdr:row>
      <xdr:rowOff>91707</xdr:rowOff>
    </xdr:to>
    <xdr:sp macro="" textlink="">
      <xdr:nvSpPr>
        <xdr:cNvPr id="752" name="楕円 751"/>
        <xdr:cNvSpPr/>
      </xdr:nvSpPr>
      <xdr:spPr>
        <a:xfrm>
          <a:off x="22110700" y="6676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76484</xdr:rowOff>
    </xdr:from>
    <xdr:ext cx="313932" cy="259045"/>
    <xdr:sp macro="" textlink="">
      <xdr:nvSpPr>
        <xdr:cNvPr id="753" name="投資及び出資金該当値テキスト"/>
        <xdr:cNvSpPr txBox="1"/>
      </xdr:nvSpPr>
      <xdr:spPr>
        <a:xfrm>
          <a:off x="22212300" y="65915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4" name="楕円 753"/>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5" name="テキスト ボックス 754"/>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6" name="楕円 755"/>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7" name="テキスト ボックス 756"/>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8" name="楕円 757"/>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9" name="テキスト ボックス 758"/>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0" name="楕円 759"/>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1" name="テキスト ボックス 760"/>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2" name="直線コネクタ 771"/>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3" name="テキスト ボックス 772"/>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4" name="直線コネクタ 773"/>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5" name="テキスト ボックス 774"/>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6" name="直線コネクタ 775"/>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7" name="テキスト ボックス 776"/>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8" name="直線コネクタ 777"/>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9" name="テキスト ボックス 778"/>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0" name="直線コネクタ 779"/>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1" name="テキスト ボックス 780"/>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45479</xdr:rowOff>
    </xdr:from>
    <xdr:to>
      <xdr:col>116</xdr:col>
      <xdr:colOff>62864</xdr:colOff>
      <xdr:row>59</xdr:row>
      <xdr:rowOff>44450</xdr:rowOff>
    </xdr:to>
    <xdr:cxnSp macro="">
      <xdr:nvCxnSpPr>
        <xdr:cNvPr id="785" name="直線コネクタ 784"/>
        <xdr:cNvCxnSpPr/>
      </xdr:nvCxnSpPr>
      <xdr:spPr>
        <a:xfrm flipV="1">
          <a:off x="22159595" y="8789429"/>
          <a:ext cx="1269" cy="1370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6"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7" name="直線コネクタ 786"/>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63606</xdr:rowOff>
    </xdr:from>
    <xdr:ext cx="534377" cy="259045"/>
    <xdr:sp macro="" textlink="">
      <xdr:nvSpPr>
        <xdr:cNvPr id="788" name="貸付金最大値テキスト"/>
        <xdr:cNvSpPr txBox="1"/>
      </xdr:nvSpPr>
      <xdr:spPr>
        <a:xfrm>
          <a:off x="22212300" y="8564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45479</xdr:rowOff>
    </xdr:from>
    <xdr:to>
      <xdr:col>116</xdr:col>
      <xdr:colOff>152400</xdr:colOff>
      <xdr:row>51</xdr:row>
      <xdr:rowOff>45479</xdr:rowOff>
    </xdr:to>
    <xdr:cxnSp macro="">
      <xdr:nvCxnSpPr>
        <xdr:cNvPr id="789" name="直線コネクタ 788"/>
        <xdr:cNvCxnSpPr/>
      </xdr:nvCxnSpPr>
      <xdr:spPr>
        <a:xfrm>
          <a:off x="22072600" y="8789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0429</xdr:rowOff>
    </xdr:from>
    <xdr:to>
      <xdr:col>116</xdr:col>
      <xdr:colOff>63500</xdr:colOff>
      <xdr:row>59</xdr:row>
      <xdr:rowOff>30620</xdr:rowOff>
    </xdr:to>
    <xdr:cxnSp macro="">
      <xdr:nvCxnSpPr>
        <xdr:cNvPr id="790" name="直線コネクタ 789"/>
        <xdr:cNvCxnSpPr/>
      </xdr:nvCxnSpPr>
      <xdr:spPr>
        <a:xfrm flipV="1">
          <a:off x="21323300" y="10145979"/>
          <a:ext cx="8382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65269</xdr:rowOff>
    </xdr:from>
    <xdr:ext cx="469744" cy="259045"/>
    <xdr:sp macro="" textlink="">
      <xdr:nvSpPr>
        <xdr:cNvPr id="791" name="貸付金平均値テキスト"/>
        <xdr:cNvSpPr txBox="1"/>
      </xdr:nvSpPr>
      <xdr:spPr>
        <a:xfrm>
          <a:off x="22212300" y="97664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42392</xdr:rowOff>
    </xdr:from>
    <xdr:to>
      <xdr:col>116</xdr:col>
      <xdr:colOff>114300</xdr:colOff>
      <xdr:row>58</xdr:row>
      <xdr:rowOff>72542</xdr:rowOff>
    </xdr:to>
    <xdr:sp macro="" textlink="">
      <xdr:nvSpPr>
        <xdr:cNvPr id="792" name="フローチャート: 判断 791"/>
        <xdr:cNvSpPr/>
      </xdr:nvSpPr>
      <xdr:spPr>
        <a:xfrm>
          <a:off x="22110700" y="9915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17323</xdr:rowOff>
    </xdr:from>
    <xdr:to>
      <xdr:col>111</xdr:col>
      <xdr:colOff>177800</xdr:colOff>
      <xdr:row>59</xdr:row>
      <xdr:rowOff>30620</xdr:rowOff>
    </xdr:to>
    <xdr:cxnSp macro="">
      <xdr:nvCxnSpPr>
        <xdr:cNvPr id="793" name="直線コネクタ 792"/>
        <xdr:cNvCxnSpPr/>
      </xdr:nvCxnSpPr>
      <xdr:spPr>
        <a:xfrm>
          <a:off x="20434300" y="10132873"/>
          <a:ext cx="889000" cy="13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46126</xdr:rowOff>
    </xdr:from>
    <xdr:to>
      <xdr:col>112</xdr:col>
      <xdr:colOff>38100</xdr:colOff>
      <xdr:row>58</xdr:row>
      <xdr:rowOff>76276</xdr:rowOff>
    </xdr:to>
    <xdr:sp macro="" textlink="">
      <xdr:nvSpPr>
        <xdr:cNvPr id="794" name="フローチャート: 判断 793"/>
        <xdr:cNvSpPr/>
      </xdr:nvSpPr>
      <xdr:spPr>
        <a:xfrm>
          <a:off x="21272500" y="9918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92803</xdr:rowOff>
    </xdr:from>
    <xdr:ext cx="469744" cy="259045"/>
    <xdr:sp macro="" textlink="">
      <xdr:nvSpPr>
        <xdr:cNvPr id="795" name="テキスト ボックス 794"/>
        <xdr:cNvSpPr txBox="1"/>
      </xdr:nvSpPr>
      <xdr:spPr>
        <a:xfrm>
          <a:off x="21088428" y="9694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17323</xdr:rowOff>
    </xdr:from>
    <xdr:to>
      <xdr:col>107</xdr:col>
      <xdr:colOff>50800</xdr:colOff>
      <xdr:row>59</xdr:row>
      <xdr:rowOff>17399</xdr:rowOff>
    </xdr:to>
    <xdr:cxnSp macro="">
      <xdr:nvCxnSpPr>
        <xdr:cNvPr id="796" name="直線コネクタ 795"/>
        <xdr:cNvCxnSpPr/>
      </xdr:nvCxnSpPr>
      <xdr:spPr>
        <a:xfrm flipV="1">
          <a:off x="19545300" y="10132873"/>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30619</xdr:rowOff>
    </xdr:from>
    <xdr:to>
      <xdr:col>107</xdr:col>
      <xdr:colOff>101600</xdr:colOff>
      <xdr:row>58</xdr:row>
      <xdr:rowOff>60769</xdr:rowOff>
    </xdr:to>
    <xdr:sp macro="" textlink="">
      <xdr:nvSpPr>
        <xdr:cNvPr id="797" name="フローチャート: 判断 796"/>
        <xdr:cNvSpPr/>
      </xdr:nvSpPr>
      <xdr:spPr>
        <a:xfrm>
          <a:off x="20383500" y="9903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77296</xdr:rowOff>
    </xdr:from>
    <xdr:ext cx="469744" cy="259045"/>
    <xdr:sp macro="" textlink="">
      <xdr:nvSpPr>
        <xdr:cNvPr id="798" name="テキスト ボックス 797"/>
        <xdr:cNvSpPr txBox="1"/>
      </xdr:nvSpPr>
      <xdr:spPr>
        <a:xfrm>
          <a:off x="20199428" y="9678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58941</xdr:rowOff>
    </xdr:from>
    <xdr:to>
      <xdr:col>102</xdr:col>
      <xdr:colOff>114300</xdr:colOff>
      <xdr:row>59</xdr:row>
      <xdr:rowOff>17399</xdr:rowOff>
    </xdr:to>
    <xdr:cxnSp macro="">
      <xdr:nvCxnSpPr>
        <xdr:cNvPr id="799" name="直線コネクタ 798"/>
        <xdr:cNvCxnSpPr/>
      </xdr:nvCxnSpPr>
      <xdr:spPr>
        <a:xfrm>
          <a:off x="18656300" y="9931591"/>
          <a:ext cx="889000" cy="201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23342</xdr:rowOff>
    </xdr:from>
    <xdr:to>
      <xdr:col>102</xdr:col>
      <xdr:colOff>165100</xdr:colOff>
      <xdr:row>58</xdr:row>
      <xdr:rowOff>53492</xdr:rowOff>
    </xdr:to>
    <xdr:sp macro="" textlink="">
      <xdr:nvSpPr>
        <xdr:cNvPr id="800" name="フローチャート: 判断 799"/>
        <xdr:cNvSpPr/>
      </xdr:nvSpPr>
      <xdr:spPr>
        <a:xfrm>
          <a:off x="19494500" y="9895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70019</xdr:rowOff>
    </xdr:from>
    <xdr:ext cx="469744" cy="259045"/>
    <xdr:sp macro="" textlink="">
      <xdr:nvSpPr>
        <xdr:cNvPr id="801" name="テキスト ボックス 800"/>
        <xdr:cNvSpPr txBox="1"/>
      </xdr:nvSpPr>
      <xdr:spPr>
        <a:xfrm>
          <a:off x="19310428" y="9671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96101</xdr:rowOff>
    </xdr:from>
    <xdr:to>
      <xdr:col>98</xdr:col>
      <xdr:colOff>38100</xdr:colOff>
      <xdr:row>58</xdr:row>
      <xdr:rowOff>26251</xdr:rowOff>
    </xdr:to>
    <xdr:sp macro="" textlink="">
      <xdr:nvSpPr>
        <xdr:cNvPr id="802" name="フローチャート: 判断 801"/>
        <xdr:cNvSpPr/>
      </xdr:nvSpPr>
      <xdr:spPr>
        <a:xfrm>
          <a:off x="18605500" y="9868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42778</xdr:rowOff>
    </xdr:from>
    <xdr:ext cx="469744" cy="259045"/>
    <xdr:sp macro="" textlink="">
      <xdr:nvSpPr>
        <xdr:cNvPr id="803" name="テキスト ボックス 802"/>
        <xdr:cNvSpPr txBox="1"/>
      </xdr:nvSpPr>
      <xdr:spPr>
        <a:xfrm>
          <a:off x="18421428" y="9643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1079</xdr:rowOff>
    </xdr:from>
    <xdr:to>
      <xdr:col>116</xdr:col>
      <xdr:colOff>114300</xdr:colOff>
      <xdr:row>59</xdr:row>
      <xdr:rowOff>81229</xdr:rowOff>
    </xdr:to>
    <xdr:sp macro="" textlink="">
      <xdr:nvSpPr>
        <xdr:cNvPr id="809" name="楕円 808"/>
        <xdr:cNvSpPr/>
      </xdr:nvSpPr>
      <xdr:spPr>
        <a:xfrm>
          <a:off x="22110700" y="10095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6006</xdr:rowOff>
    </xdr:from>
    <xdr:ext cx="378565" cy="259045"/>
    <xdr:sp macro="" textlink="">
      <xdr:nvSpPr>
        <xdr:cNvPr id="810" name="貸付金該当値テキスト"/>
        <xdr:cNvSpPr txBox="1"/>
      </xdr:nvSpPr>
      <xdr:spPr>
        <a:xfrm>
          <a:off x="22212300" y="100101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1270</xdr:rowOff>
    </xdr:from>
    <xdr:to>
      <xdr:col>112</xdr:col>
      <xdr:colOff>38100</xdr:colOff>
      <xdr:row>59</xdr:row>
      <xdr:rowOff>81420</xdr:rowOff>
    </xdr:to>
    <xdr:sp macro="" textlink="">
      <xdr:nvSpPr>
        <xdr:cNvPr id="811" name="楕円 810"/>
        <xdr:cNvSpPr/>
      </xdr:nvSpPr>
      <xdr:spPr>
        <a:xfrm>
          <a:off x="21272500" y="10095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2547</xdr:rowOff>
    </xdr:from>
    <xdr:ext cx="378565" cy="259045"/>
    <xdr:sp macro="" textlink="">
      <xdr:nvSpPr>
        <xdr:cNvPr id="812" name="テキスト ボックス 811"/>
        <xdr:cNvSpPr txBox="1"/>
      </xdr:nvSpPr>
      <xdr:spPr>
        <a:xfrm>
          <a:off x="21134017" y="101880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37973</xdr:rowOff>
    </xdr:from>
    <xdr:to>
      <xdr:col>107</xdr:col>
      <xdr:colOff>101600</xdr:colOff>
      <xdr:row>59</xdr:row>
      <xdr:rowOff>68123</xdr:rowOff>
    </xdr:to>
    <xdr:sp macro="" textlink="">
      <xdr:nvSpPr>
        <xdr:cNvPr id="813" name="楕円 812"/>
        <xdr:cNvSpPr/>
      </xdr:nvSpPr>
      <xdr:spPr>
        <a:xfrm>
          <a:off x="20383500" y="10082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59250</xdr:rowOff>
    </xdr:from>
    <xdr:ext cx="378565" cy="259045"/>
    <xdr:sp macro="" textlink="">
      <xdr:nvSpPr>
        <xdr:cNvPr id="814" name="テキスト ボックス 813"/>
        <xdr:cNvSpPr txBox="1"/>
      </xdr:nvSpPr>
      <xdr:spPr>
        <a:xfrm>
          <a:off x="20245017" y="101748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38049</xdr:rowOff>
    </xdr:from>
    <xdr:to>
      <xdr:col>102</xdr:col>
      <xdr:colOff>165100</xdr:colOff>
      <xdr:row>59</xdr:row>
      <xdr:rowOff>68199</xdr:rowOff>
    </xdr:to>
    <xdr:sp macro="" textlink="">
      <xdr:nvSpPr>
        <xdr:cNvPr id="815" name="楕円 814"/>
        <xdr:cNvSpPr/>
      </xdr:nvSpPr>
      <xdr:spPr>
        <a:xfrm>
          <a:off x="19494500" y="10082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59326</xdr:rowOff>
    </xdr:from>
    <xdr:ext cx="378565" cy="259045"/>
    <xdr:sp macro="" textlink="">
      <xdr:nvSpPr>
        <xdr:cNvPr id="816" name="テキスト ボックス 815"/>
        <xdr:cNvSpPr txBox="1"/>
      </xdr:nvSpPr>
      <xdr:spPr>
        <a:xfrm>
          <a:off x="19356017" y="10174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08141</xdr:rowOff>
    </xdr:from>
    <xdr:to>
      <xdr:col>98</xdr:col>
      <xdr:colOff>38100</xdr:colOff>
      <xdr:row>58</xdr:row>
      <xdr:rowOff>38291</xdr:rowOff>
    </xdr:to>
    <xdr:sp macro="" textlink="">
      <xdr:nvSpPr>
        <xdr:cNvPr id="817" name="楕円 816"/>
        <xdr:cNvSpPr/>
      </xdr:nvSpPr>
      <xdr:spPr>
        <a:xfrm>
          <a:off x="18605500" y="9880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29418</xdr:rowOff>
    </xdr:from>
    <xdr:ext cx="469744" cy="259045"/>
    <xdr:sp macro="" textlink="">
      <xdr:nvSpPr>
        <xdr:cNvPr id="818" name="テキスト ボックス 817"/>
        <xdr:cNvSpPr txBox="1"/>
      </xdr:nvSpPr>
      <xdr:spPr>
        <a:xfrm>
          <a:off x="18421428" y="9973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9" name="テキスト ボックス 828"/>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0" name="直線コネクタ 829"/>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1" name="テキスト ボックス 830"/>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2" name="直線コネクタ 831"/>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3" name="テキスト ボックス 832"/>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4" name="直線コネクタ 833"/>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5" name="テキスト ボックス 834"/>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6" name="直線コネクタ 835"/>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7" name="テキスト ボックス 836"/>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8" name="直線コネクタ 837"/>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39" name="テキスト ボックス 838"/>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0" name="直線コネクタ 839"/>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41" name="テキスト ボックス 840"/>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2" name="直線コネクタ 841"/>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3" name="テキスト ボックス 842"/>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4"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3362</xdr:rowOff>
    </xdr:from>
    <xdr:to>
      <xdr:col>116</xdr:col>
      <xdr:colOff>62864</xdr:colOff>
      <xdr:row>78</xdr:row>
      <xdr:rowOff>120073</xdr:rowOff>
    </xdr:to>
    <xdr:cxnSp macro="">
      <xdr:nvCxnSpPr>
        <xdr:cNvPr id="845" name="直線コネクタ 844"/>
        <xdr:cNvCxnSpPr/>
      </xdr:nvCxnSpPr>
      <xdr:spPr>
        <a:xfrm flipV="1">
          <a:off x="22159595" y="12216312"/>
          <a:ext cx="1269" cy="1276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23900</xdr:rowOff>
    </xdr:from>
    <xdr:ext cx="534377" cy="259045"/>
    <xdr:sp macro="" textlink="">
      <xdr:nvSpPr>
        <xdr:cNvPr id="846" name="繰出金最小値テキスト"/>
        <xdr:cNvSpPr txBox="1"/>
      </xdr:nvSpPr>
      <xdr:spPr>
        <a:xfrm>
          <a:off x="22212300" y="13497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20073</xdr:rowOff>
    </xdr:from>
    <xdr:to>
      <xdr:col>116</xdr:col>
      <xdr:colOff>152400</xdr:colOff>
      <xdr:row>78</xdr:row>
      <xdr:rowOff>120073</xdr:rowOff>
    </xdr:to>
    <xdr:cxnSp macro="">
      <xdr:nvCxnSpPr>
        <xdr:cNvPr id="847" name="直線コネクタ 846"/>
        <xdr:cNvCxnSpPr/>
      </xdr:nvCxnSpPr>
      <xdr:spPr>
        <a:xfrm>
          <a:off x="22072600" y="134931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61489</xdr:rowOff>
    </xdr:from>
    <xdr:ext cx="534377" cy="259045"/>
    <xdr:sp macro="" textlink="">
      <xdr:nvSpPr>
        <xdr:cNvPr id="848" name="繰出金最大値テキスト"/>
        <xdr:cNvSpPr txBox="1"/>
      </xdr:nvSpPr>
      <xdr:spPr>
        <a:xfrm>
          <a:off x="22212300" y="11991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3362</xdr:rowOff>
    </xdr:from>
    <xdr:to>
      <xdr:col>116</xdr:col>
      <xdr:colOff>152400</xdr:colOff>
      <xdr:row>71</xdr:row>
      <xdr:rowOff>43362</xdr:rowOff>
    </xdr:to>
    <xdr:cxnSp macro="">
      <xdr:nvCxnSpPr>
        <xdr:cNvPr id="849" name="直線コネクタ 848"/>
        <xdr:cNvCxnSpPr/>
      </xdr:nvCxnSpPr>
      <xdr:spPr>
        <a:xfrm>
          <a:off x="22072600" y="12216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2</xdr:row>
      <xdr:rowOff>171182</xdr:rowOff>
    </xdr:from>
    <xdr:to>
      <xdr:col>116</xdr:col>
      <xdr:colOff>63500</xdr:colOff>
      <xdr:row>76</xdr:row>
      <xdr:rowOff>7928</xdr:rowOff>
    </xdr:to>
    <xdr:cxnSp macro="">
      <xdr:nvCxnSpPr>
        <xdr:cNvPr id="850" name="直線コネクタ 849"/>
        <xdr:cNvCxnSpPr/>
      </xdr:nvCxnSpPr>
      <xdr:spPr>
        <a:xfrm>
          <a:off x="21323300" y="12515582"/>
          <a:ext cx="838200" cy="522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18341</xdr:rowOff>
    </xdr:from>
    <xdr:ext cx="534377" cy="259045"/>
    <xdr:sp macro="" textlink="">
      <xdr:nvSpPr>
        <xdr:cNvPr id="851" name="繰出金平均値テキスト"/>
        <xdr:cNvSpPr txBox="1"/>
      </xdr:nvSpPr>
      <xdr:spPr>
        <a:xfrm>
          <a:off x="22212300" y="126341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95464</xdr:rowOff>
    </xdr:from>
    <xdr:to>
      <xdr:col>116</xdr:col>
      <xdr:colOff>114300</xdr:colOff>
      <xdr:row>75</xdr:row>
      <xdr:rowOff>25614</xdr:rowOff>
    </xdr:to>
    <xdr:sp macro="" textlink="">
      <xdr:nvSpPr>
        <xdr:cNvPr id="852" name="フローチャート: 判断 851"/>
        <xdr:cNvSpPr/>
      </xdr:nvSpPr>
      <xdr:spPr>
        <a:xfrm>
          <a:off x="22110700" y="12782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2</xdr:row>
      <xdr:rowOff>155898</xdr:rowOff>
    </xdr:from>
    <xdr:to>
      <xdr:col>111</xdr:col>
      <xdr:colOff>177800</xdr:colOff>
      <xdr:row>72</xdr:row>
      <xdr:rowOff>171182</xdr:rowOff>
    </xdr:to>
    <xdr:cxnSp macro="">
      <xdr:nvCxnSpPr>
        <xdr:cNvPr id="853" name="直線コネクタ 852"/>
        <xdr:cNvCxnSpPr/>
      </xdr:nvCxnSpPr>
      <xdr:spPr>
        <a:xfrm>
          <a:off x="20434300" y="12500298"/>
          <a:ext cx="889000" cy="15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3</xdr:row>
      <xdr:rowOff>79429</xdr:rowOff>
    </xdr:from>
    <xdr:to>
      <xdr:col>112</xdr:col>
      <xdr:colOff>38100</xdr:colOff>
      <xdr:row>74</xdr:row>
      <xdr:rowOff>9579</xdr:rowOff>
    </xdr:to>
    <xdr:sp macro="" textlink="">
      <xdr:nvSpPr>
        <xdr:cNvPr id="854" name="フローチャート: 判断 853"/>
        <xdr:cNvSpPr/>
      </xdr:nvSpPr>
      <xdr:spPr>
        <a:xfrm>
          <a:off x="21272500" y="12595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706</xdr:rowOff>
    </xdr:from>
    <xdr:ext cx="534377" cy="259045"/>
    <xdr:sp macro="" textlink="">
      <xdr:nvSpPr>
        <xdr:cNvPr id="855" name="テキスト ボックス 854"/>
        <xdr:cNvSpPr txBox="1"/>
      </xdr:nvSpPr>
      <xdr:spPr>
        <a:xfrm>
          <a:off x="21056111" y="12688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155898</xdr:rowOff>
    </xdr:from>
    <xdr:to>
      <xdr:col>107</xdr:col>
      <xdr:colOff>50800</xdr:colOff>
      <xdr:row>73</xdr:row>
      <xdr:rowOff>82028</xdr:rowOff>
    </xdr:to>
    <xdr:cxnSp macro="">
      <xdr:nvCxnSpPr>
        <xdr:cNvPr id="856" name="直線コネクタ 855"/>
        <xdr:cNvCxnSpPr/>
      </xdr:nvCxnSpPr>
      <xdr:spPr>
        <a:xfrm flipV="1">
          <a:off x="19545300" y="12500298"/>
          <a:ext cx="889000" cy="97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36420</xdr:rowOff>
    </xdr:from>
    <xdr:to>
      <xdr:col>107</xdr:col>
      <xdr:colOff>101600</xdr:colOff>
      <xdr:row>73</xdr:row>
      <xdr:rowOff>138020</xdr:rowOff>
    </xdr:to>
    <xdr:sp macro="" textlink="">
      <xdr:nvSpPr>
        <xdr:cNvPr id="857" name="フローチャート: 判断 856"/>
        <xdr:cNvSpPr/>
      </xdr:nvSpPr>
      <xdr:spPr>
        <a:xfrm>
          <a:off x="20383500" y="1255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29147</xdr:rowOff>
    </xdr:from>
    <xdr:ext cx="534377" cy="259045"/>
    <xdr:sp macro="" textlink="">
      <xdr:nvSpPr>
        <xdr:cNvPr id="858" name="テキスト ボックス 857"/>
        <xdr:cNvSpPr txBox="1"/>
      </xdr:nvSpPr>
      <xdr:spPr>
        <a:xfrm>
          <a:off x="20167111" y="12644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82028</xdr:rowOff>
    </xdr:from>
    <xdr:to>
      <xdr:col>102</xdr:col>
      <xdr:colOff>114300</xdr:colOff>
      <xdr:row>73</xdr:row>
      <xdr:rowOff>161613</xdr:rowOff>
    </xdr:to>
    <xdr:cxnSp macro="">
      <xdr:nvCxnSpPr>
        <xdr:cNvPr id="859" name="直線コネクタ 858"/>
        <xdr:cNvCxnSpPr/>
      </xdr:nvCxnSpPr>
      <xdr:spPr>
        <a:xfrm flipV="1">
          <a:off x="18656300" y="12597878"/>
          <a:ext cx="889000" cy="79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25709</xdr:rowOff>
    </xdr:from>
    <xdr:to>
      <xdr:col>102</xdr:col>
      <xdr:colOff>165100</xdr:colOff>
      <xdr:row>73</xdr:row>
      <xdr:rowOff>127309</xdr:rowOff>
    </xdr:to>
    <xdr:sp macro="" textlink="">
      <xdr:nvSpPr>
        <xdr:cNvPr id="860" name="フローチャート: 判断 859"/>
        <xdr:cNvSpPr/>
      </xdr:nvSpPr>
      <xdr:spPr>
        <a:xfrm>
          <a:off x="19494500" y="1254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143836</xdr:rowOff>
    </xdr:from>
    <xdr:ext cx="534377" cy="259045"/>
    <xdr:sp macro="" textlink="">
      <xdr:nvSpPr>
        <xdr:cNvPr id="861" name="テキスト ボックス 860"/>
        <xdr:cNvSpPr txBox="1"/>
      </xdr:nvSpPr>
      <xdr:spPr>
        <a:xfrm>
          <a:off x="19278111" y="1231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608</xdr:rowOff>
    </xdr:from>
    <xdr:to>
      <xdr:col>98</xdr:col>
      <xdr:colOff>38100</xdr:colOff>
      <xdr:row>73</xdr:row>
      <xdr:rowOff>103208</xdr:rowOff>
    </xdr:to>
    <xdr:sp macro="" textlink="">
      <xdr:nvSpPr>
        <xdr:cNvPr id="862" name="フローチャート: 判断 861"/>
        <xdr:cNvSpPr/>
      </xdr:nvSpPr>
      <xdr:spPr>
        <a:xfrm>
          <a:off x="18605500" y="12517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119735</xdr:rowOff>
    </xdr:from>
    <xdr:ext cx="534377" cy="259045"/>
    <xdr:sp macro="" textlink="">
      <xdr:nvSpPr>
        <xdr:cNvPr id="863" name="テキスト ボックス 862"/>
        <xdr:cNvSpPr txBox="1"/>
      </xdr:nvSpPr>
      <xdr:spPr>
        <a:xfrm>
          <a:off x="18389111" y="12292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4" name="テキスト ボックス 863"/>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5" name="テキスト ボックス 864"/>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6" name="テキスト ボックス 865"/>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7" name="テキスト ボックス 866"/>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8" name="テキスト ボックス 867"/>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28578</xdr:rowOff>
    </xdr:from>
    <xdr:to>
      <xdr:col>116</xdr:col>
      <xdr:colOff>114300</xdr:colOff>
      <xdr:row>76</xdr:row>
      <xdr:rowOff>58728</xdr:rowOff>
    </xdr:to>
    <xdr:sp macro="" textlink="">
      <xdr:nvSpPr>
        <xdr:cNvPr id="869" name="楕円 868"/>
        <xdr:cNvSpPr/>
      </xdr:nvSpPr>
      <xdr:spPr>
        <a:xfrm>
          <a:off x="22110700" y="12987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07005</xdr:rowOff>
    </xdr:from>
    <xdr:ext cx="534377" cy="259045"/>
    <xdr:sp macro="" textlink="">
      <xdr:nvSpPr>
        <xdr:cNvPr id="870" name="繰出金該当値テキスト"/>
        <xdr:cNvSpPr txBox="1"/>
      </xdr:nvSpPr>
      <xdr:spPr>
        <a:xfrm>
          <a:off x="22212300" y="12965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2</xdr:row>
      <xdr:rowOff>120382</xdr:rowOff>
    </xdr:from>
    <xdr:to>
      <xdr:col>112</xdr:col>
      <xdr:colOff>38100</xdr:colOff>
      <xdr:row>73</xdr:row>
      <xdr:rowOff>50532</xdr:rowOff>
    </xdr:to>
    <xdr:sp macro="" textlink="">
      <xdr:nvSpPr>
        <xdr:cNvPr id="871" name="楕円 870"/>
        <xdr:cNvSpPr/>
      </xdr:nvSpPr>
      <xdr:spPr>
        <a:xfrm>
          <a:off x="21272500" y="12464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67059</xdr:rowOff>
    </xdr:from>
    <xdr:ext cx="534377" cy="259045"/>
    <xdr:sp macro="" textlink="">
      <xdr:nvSpPr>
        <xdr:cNvPr id="872" name="テキスト ボックス 871"/>
        <xdr:cNvSpPr txBox="1"/>
      </xdr:nvSpPr>
      <xdr:spPr>
        <a:xfrm>
          <a:off x="21056111" y="12240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2</xdr:row>
      <xdr:rowOff>105098</xdr:rowOff>
    </xdr:from>
    <xdr:to>
      <xdr:col>107</xdr:col>
      <xdr:colOff>101600</xdr:colOff>
      <xdr:row>73</xdr:row>
      <xdr:rowOff>35248</xdr:rowOff>
    </xdr:to>
    <xdr:sp macro="" textlink="">
      <xdr:nvSpPr>
        <xdr:cNvPr id="873" name="楕円 872"/>
        <xdr:cNvSpPr/>
      </xdr:nvSpPr>
      <xdr:spPr>
        <a:xfrm>
          <a:off x="20383500" y="12449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51775</xdr:rowOff>
    </xdr:from>
    <xdr:ext cx="534377" cy="259045"/>
    <xdr:sp macro="" textlink="">
      <xdr:nvSpPr>
        <xdr:cNvPr id="874" name="テキスト ボックス 873"/>
        <xdr:cNvSpPr txBox="1"/>
      </xdr:nvSpPr>
      <xdr:spPr>
        <a:xfrm>
          <a:off x="20167111" y="12224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31228</xdr:rowOff>
    </xdr:from>
    <xdr:to>
      <xdr:col>102</xdr:col>
      <xdr:colOff>165100</xdr:colOff>
      <xdr:row>73</xdr:row>
      <xdr:rowOff>132828</xdr:rowOff>
    </xdr:to>
    <xdr:sp macro="" textlink="">
      <xdr:nvSpPr>
        <xdr:cNvPr id="875" name="楕円 874"/>
        <xdr:cNvSpPr/>
      </xdr:nvSpPr>
      <xdr:spPr>
        <a:xfrm>
          <a:off x="19494500" y="12547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23955</xdr:rowOff>
    </xdr:from>
    <xdr:ext cx="534377" cy="259045"/>
    <xdr:sp macro="" textlink="">
      <xdr:nvSpPr>
        <xdr:cNvPr id="876" name="テキスト ボックス 875"/>
        <xdr:cNvSpPr txBox="1"/>
      </xdr:nvSpPr>
      <xdr:spPr>
        <a:xfrm>
          <a:off x="19278111" y="12639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10813</xdr:rowOff>
    </xdr:from>
    <xdr:to>
      <xdr:col>98</xdr:col>
      <xdr:colOff>38100</xdr:colOff>
      <xdr:row>74</xdr:row>
      <xdr:rowOff>40963</xdr:rowOff>
    </xdr:to>
    <xdr:sp macro="" textlink="">
      <xdr:nvSpPr>
        <xdr:cNvPr id="877" name="楕円 876"/>
        <xdr:cNvSpPr/>
      </xdr:nvSpPr>
      <xdr:spPr>
        <a:xfrm>
          <a:off x="18605500" y="12626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32090</xdr:rowOff>
    </xdr:from>
    <xdr:ext cx="534377" cy="259045"/>
    <xdr:sp macro="" textlink="">
      <xdr:nvSpPr>
        <xdr:cNvPr id="878" name="テキスト ボックス 877"/>
        <xdr:cNvSpPr txBox="1"/>
      </xdr:nvSpPr>
      <xdr:spPr>
        <a:xfrm>
          <a:off x="18389111" y="12719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9" name="正方形/長方形 878"/>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0" name="正方形/長方形 879"/>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1" name="正方形/長方形 880"/>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2" name="正方形/長方形 881"/>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3" name="正方形/長方形 882"/>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4" name="正方形/長方形 883"/>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5" name="正方形/長方形 884"/>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6" name="正方形/長方形 885"/>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7" name="テキスト ボックス 886"/>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8" name="直線コネクタ 887"/>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9" name="直線コネクタ 888"/>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0" name="テキスト ボックス 889"/>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1" name="直線コネクタ 890"/>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2" name="テキスト ボックス 891"/>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3"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4" name="直線コネクタ 893"/>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5"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7"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9" name="直線コネクタ 898"/>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0"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1" name="フローチャート: 判断 900"/>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2" name="直線コネクタ 901"/>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3" name="フローチャート: 判断 902"/>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4" name="テキスト ボックス 903"/>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5" name="直線コネクタ 904"/>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6" name="フローチャート: 判断 905"/>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7" name="テキスト ボックス 906"/>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8" name="直線コネクタ 907"/>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9" name="フローチャート: 判断 908"/>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0" name="テキスト ボックス 909"/>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1" name="フローチャート: 判断 910"/>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2" name="テキスト ボックス 911"/>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3" name="テキスト ボックス 912"/>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4" name="テキスト ボックス 913"/>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5" name="テキスト ボックス 914"/>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6" name="テキスト ボックス 915"/>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7" name="テキスト ボックス 916"/>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8" name="楕円 917"/>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9"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0" name="楕円 919"/>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1" name="テキスト ボックス 920"/>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2" name="楕円 921"/>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3" name="テキスト ボックス 922"/>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4" name="楕円 923"/>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5" name="テキスト ボックス 924"/>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6" name="楕円 925"/>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7" name="テキスト ボックス 926"/>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8" name="正方形/長方形 9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9" name="正方形/長方形 9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0" name="テキスト ボックス 9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歳出決算総額は、住民一人当たり</a:t>
          </a:r>
          <a:r>
            <a:rPr kumimoji="1" lang="en-US" altLang="ja-JP" sz="1100">
              <a:solidFill>
                <a:schemeClr val="dk1"/>
              </a:solidFill>
              <a:effectLst/>
              <a:latin typeface="+mn-lt"/>
              <a:ea typeface="+mn-ea"/>
              <a:cs typeface="+mn-cs"/>
            </a:rPr>
            <a:t>436,478</a:t>
          </a:r>
          <a:r>
            <a:rPr kumimoji="1" lang="ja-JP" altLang="ja-JP" sz="1100">
              <a:solidFill>
                <a:schemeClr val="dk1"/>
              </a:solidFill>
              <a:effectLst/>
              <a:latin typeface="+mn-lt"/>
              <a:ea typeface="+mn-ea"/>
              <a:cs typeface="+mn-cs"/>
            </a:rPr>
            <a:t>円となっている。主な構成項目である</a:t>
          </a:r>
          <a:r>
            <a:rPr kumimoji="1" lang="ja-JP" altLang="en-US" sz="1100">
              <a:solidFill>
                <a:schemeClr val="dk1"/>
              </a:solidFill>
              <a:effectLst/>
              <a:latin typeface="+mn-lt"/>
              <a:ea typeface="+mn-ea"/>
              <a:cs typeface="+mn-cs"/>
            </a:rPr>
            <a:t>補助費等は特別定額給付金の給付や下水道事業が公営企業会計に移行したことなどにより、</a:t>
          </a:r>
          <a:r>
            <a:rPr kumimoji="1" lang="ja-JP" altLang="ja-JP" sz="1100">
              <a:solidFill>
                <a:schemeClr val="dk1"/>
              </a:solidFill>
              <a:effectLst/>
              <a:latin typeface="+mn-lt"/>
              <a:ea typeface="+mn-ea"/>
              <a:cs typeface="+mn-cs"/>
            </a:rPr>
            <a:t>住民１人あたり</a:t>
          </a:r>
          <a:r>
            <a:rPr kumimoji="1" lang="en-US" altLang="ja-JP" sz="1100">
              <a:solidFill>
                <a:schemeClr val="dk1"/>
              </a:solidFill>
              <a:effectLst/>
              <a:latin typeface="+mn-lt"/>
              <a:ea typeface="+mn-ea"/>
              <a:cs typeface="+mn-cs"/>
            </a:rPr>
            <a:t>133,945</a:t>
          </a:r>
          <a:r>
            <a:rPr kumimoji="1" lang="ja-JP" altLang="en-US" sz="1100">
              <a:solidFill>
                <a:schemeClr val="dk1"/>
              </a:solidFill>
              <a:effectLst/>
              <a:latin typeface="+mn-lt"/>
              <a:ea typeface="+mn-ea"/>
              <a:cs typeface="+mn-cs"/>
            </a:rPr>
            <a:t>円</a:t>
          </a:r>
          <a:r>
            <a:rPr kumimoji="1" lang="ja-JP" altLang="ja-JP" sz="1100">
              <a:solidFill>
                <a:schemeClr val="dk1"/>
              </a:solidFill>
              <a:effectLst/>
              <a:latin typeface="+mn-lt"/>
              <a:ea typeface="+mn-ea"/>
              <a:cs typeface="+mn-cs"/>
            </a:rPr>
            <a:t>となって</a:t>
          </a:r>
          <a:r>
            <a:rPr kumimoji="1" lang="ja-JP" altLang="en-US" sz="1100">
              <a:solidFill>
                <a:schemeClr val="dk1"/>
              </a:solidFill>
              <a:effectLst/>
              <a:latin typeface="+mn-lt"/>
              <a:ea typeface="+mn-ea"/>
              <a:cs typeface="+mn-cs"/>
            </a:rPr>
            <a:t>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人件費は住民１人あたり</a:t>
          </a:r>
          <a:r>
            <a:rPr kumimoji="1" lang="en-US" altLang="ja-JP" sz="1100">
              <a:solidFill>
                <a:schemeClr val="dk1"/>
              </a:solidFill>
              <a:effectLst/>
              <a:latin typeface="+mn-lt"/>
              <a:ea typeface="+mn-ea"/>
              <a:cs typeface="+mn-cs"/>
            </a:rPr>
            <a:t>69,766</a:t>
          </a:r>
          <a:r>
            <a:rPr kumimoji="1" lang="ja-JP" altLang="ja-JP" sz="1100">
              <a:solidFill>
                <a:schemeClr val="dk1"/>
              </a:solidFill>
              <a:effectLst/>
              <a:latin typeface="+mn-lt"/>
              <a:ea typeface="+mn-ea"/>
              <a:cs typeface="+mn-cs"/>
            </a:rPr>
            <a:t>円となっており、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度から類似団体平均値を上回っている。これはラスパイレス指数が類似団体平均を上回っていることが主な要因であり、ラスパイレス指数</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未満を当面の目標とする。</a:t>
          </a:r>
          <a:endParaRPr lang="ja-JP" altLang="ja-JP" sz="1400">
            <a:effectLst/>
          </a:endParaRPr>
        </a:p>
        <a:p>
          <a:r>
            <a:rPr kumimoji="1" lang="ja-JP" altLang="ja-JP" sz="1100">
              <a:solidFill>
                <a:schemeClr val="dk1"/>
              </a:solidFill>
              <a:effectLst/>
              <a:latin typeface="+mn-lt"/>
              <a:ea typeface="+mn-ea"/>
              <a:cs typeface="+mn-cs"/>
            </a:rPr>
            <a:t>　扶助費は住民</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人当たり</a:t>
          </a:r>
          <a:r>
            <a:rPr kumimoji="1" lang="en-US" altLang="ja-JP" sz="1100">
              <a:solidFill>
                <a:schemeClr val="dk1"/>
              </a:solidFill>
              <a:effectLst/>
              <a:latin typeface="+mn-lt"/>
              <a:ea typeface="+mn-ea"/>
              <a:cs typeface="+mn-cs"/>
            </a:rPr>
            <a:t>90,414</a:t>
          </a:r>
          <a:r>
            <a:rPr kumimoji="1" lang="ja-JP" altLang="ja-JP" sz="1100">
              <a:solidFill>
                <a:schemeClr val="dk1"/>
              </a:solidFill>
              <a:effectLst/>
              <a:latin typeface="+mn-lt"/>
              <a:ea typeface="+mn-ea"/>
              <a:cs typeface="+mn-cs"/>
            </a:rPr>
            <a:t>円となっており、保育関係や</a:t>
          </a:r>
          <a:r>
            <a:rPr kumimoji="1" lang="ja-JP" altLang="en-US" sz="1100">
              <a:solidFill>
                <a:schemeClr val="dk1"/>
              </a:solidFill>
              <a:effectLst/>
              <a:latin typeface="+mn-lt"/>
              <a:ea typeface="+mn-ea"/>
              <a:cs typeface="+mn-cs"/>
            </a:rPr>
            <a:t>児童扶養手当</a:t>
          </a:r>
          <a:r>
            <a:rPr kumimoji="1" lang="ja-JP" altLang="ja-JP" sz="1100">
              <a:solidFill>
                <a:schemeClr val="dk1"/>
              </a:solidFill>
              <a:effectLst/>
              <a:latin typeface="+mn-lt"/>
              <a:ea typeface="+mn-ea"/>
              <a:cs typeface="+mn-cs"/>
            </a:rPr>
            <a:t>の給付費などにより増加傾向にある。類似団体平均と比べてやや高い水準となっているが、増加の度合いはほぼ一緒であり全国的に増加傾向にあるため、今後も動向を注視していく必要がある。</a:t>
          </a:r>
          <a:endParaRPr lang="ja-JP" altLang="ja-JP" sz="1400">
            <a:effectLst/>
          </a:endParaRPr>
        </a:p>
        <a:p>
          <a:r>
            <a:rPr kumimoji="1" lang="ja-JP" altLang="ja-JP" sz="1100">
              <a:solidFill>
                <a:schemeClr val="dk1"/>
              </a:solidFill>
              <a:effectLst/>
              <a:latin typeface="+mn-lt"/>
              <a:ea typeface="+mn-ea"/>
              <a:cs typeface="+mn-cs"/>
            </a:rPr>
            <a:t>　普通建設事業費は住民</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人当たり</a:t>
          </a:r>
          <a:r>
            <a:rPr kumimoji="1" lang="en-US" altLang="ja-JP" sz="1100">
              <a:solidFill>
                <a:schemeClr val="dk1"/>
              </a:solidFill>
              <a:effectLst/>
              <a:latin typeface="+mn-lt"/>
              <a:ea typeface="+mn-ea"/>
              <a:cs typeface="+mn-cs"/>
            </a:rPr>
            <a:t>28,497</a:t>
          </a:r>
          <a:r>
            <a:rPr kumimoji="1" lang="ja-JP" altLang="ja-JP" sz="1100">
              <a:solidFill>
                <a:schemeClr val="dk1"/>
              </a:solidFill>
              <a:effectLst/>
              <a:latin typeface="+mn-lt"/>
              <a:ea typeface="+mn-ea"/>
              <a:cs typeface="+mn-cs"/>
            </a:rPr>
            <a:t>円となり、類似団体と比較して一人当たりコストが低い状況となっている。前年度決算と比較して大幅な減となっており、</a:t>
          </a:r>
          <a:r>
            <a:rPr kumimoji="1" lang="ja-JP" altLang="en-US" sz="1100">
              <a:solidFill>
                <a:schemeClr val="dk1"/>
              </a:solidFill>
              <a:effectLst/>
              <a:latin typeface="+mn-lt"/>
              <a:ea typeface="+mn-ea"/>
              <a:cs typeface="+mn-cs"/>
            </a:rPr>
            <a:t>消防本部建庁舎建設事業の</a:t>
          </a:r>
          <a:r>
            <a:rPr kumimoji="1" lang="ja-JP" altLang="ja-JP" sz="1100">
              <a:solidFill>
                <a:schemeClr val="dk1"/>
              </a:solidFill>
              <a:effectLst/>
              <a:latin typeface="+mn-lt"/>
              <a:ea typeface="+mn-ea"/>
              <a:cs typeface="+mn-cs"/>
            </a:rPr>
            <a:t>完了による減が主な減少理由となっている。今後、道の駅の整備や公園整備などの大規模な建設事業を予定しているため、事業の取捨選択を徹底していくことで、事業費の減少に努め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綾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86
80,728
22.14
38,741,486
37,050,872
1,129,343
16,618,470
15,880,5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2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2</xdr:row>
      <xdr:rowOff>44602</xdr:rowOff>
    </xdr:from>
    <xdr:to>
      <xdr:col>24</xdr:col>
      <xdr:colOff>62865</xdr:colOff>
      <xdr:row>38</xdr:row>
      <xdr:rowOff>140615</xdr:rowOff>
    </xdr:to>
    <xdr:cxnSp macro="">
      <xdr:nvCxnSpPr>
        <xdr:cNvPr id="54" name="直線コネクタ 53"/>
        <xdr:cNvCxnSpPr/>
      </xdr:nvCxnSpPr>
      <xdr:spPr>
        <a:xfrm flipV="1">
          <a:off x="4633595" y="5531002"/>
          <a:ext cx="1270" cy="11247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4442</xdr:rowOff>
    </xdr:from>
    <xdr:ext cx="469744" cy="259045"/>
    <xdr:sp macro="" textlink="">
      <xdr:nvSpPr>
        <xdr:cNvPr id="55" name="議会費最小値テキスト"/>
        <xdr:cNvSpPr txBox="1"/>
      </xdr:nvSpPr>
      <xdr:spPr>
        <a:xfrm>
          <a:off x="4686300" y="6659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0615</xdr:rowOff>
    </xdr:from>
    <xdr:to>
      <xdr:col>24</xdr:col>
      <xdr:colOff>152400</xdr:colOff>
      <xdr:row>38</xdr:row>
      <xdr:rowOff>140615</xdr:rowOff>
    </xdr:to>
    <xdr:cxnSp macro="">
      <xdr:nvCxnSpPr>
        <xdr:cNvPr id="56" name="直線コネクタ 55"/>
        <xdr:cNvCxnSpPr/>
      </xdr:nvCxnSpPr>
      <xdr:spPr>
        <a:xfrm>
          <a:off x="4546600" y="6655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62729</xdr:rowOff>
    </xdr:from>
    <xdr:ext cx="469744" cy="259045"/>
    <xdr:sp macro="" textlink="">
      <xdr:nvSpPr>
        <xdr:cNvPr id="57" name="議会費最大値テキスト"/>
        <xdr:cNvSpPr txBox="1"/>
      </xdr:nvSpPr>
      <xdr:spPr>
        <a:xfrm>
          <a:off x="4686300" y="5306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2</xdr:row>
      <xdr:rowOff>44602</xdr:rowOff>
    </xdr:from>
    <xdr:to>
      <xdr:col>24</xdr:col>
      <xdr:colOff>152400</xdr:colOff>
      <xdr:row>32</xdr:row>
      <xdr:rowOff>44602</xdr:rowOff>
    </xdr:to>
    <xdr:cxnSp macro="">
      <xdr:nvCxnSpPr>
        <xdr:cNvPr id="58" name="直線コネクタ 57"/>
        <xdr:cNvCxnSpPr/>
      </xdr:nvCxnSpPr>
      <xdr:spPr>
        <a:xfrm>
          <a:off x="4546600" y="55310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68046</xdr:rowOff>
    </xdr:from>
    <xdr:to>
      <xdr:col>24</xdr:col>
      <xdr:colOff>63500</xdr:colOff>
      <xdr:row>36</xdr:row>
      <xdr:rowOff>42774</xdr:rowOff>
    </xdr:to>
    <xdr:cxnSp macro="">
      <xdr:nvCxnSpPr>
        <xdr:cNvPr id="59" name="直線コネクタ 58"/>
        <xdr:cNvCxnSpPr/>
      </xdr:nvCxnSpPr>
      <xdr:spPr>
        <a:xfrm>
          <a:off x="3797300" y="6168796"/>
          <a:ext cx="838200" cy="46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98518</xdr:rowOff>
    </xdr:from>
    <xdr:ext cx="469744" cy="259045"/>
    <xdr:sp macro="" textlink="">
      <xdr:nvSpPr>
        <xdr:cNvPr id="60" name="議会費平均値テキスト"/>
        <xdr:cNvSpPr txBox="1"/>
      </xdr:nvSpPr>
      <xdr:spPr>
        <a:xfrm>
          <a:off x="4686300" y="59278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5641</xdr:rowOff>
    </xdr:from>
    <xdr:to>
      <xdr:col>24</xdr:col>
      <xdr:colOff>114300</xdr:colOff>
      <xdr:row>36</xdr:row>
      <xdr:rowOff>5791</xdr:rowOff>
    </xdr:to>
    <xdr:sp macro="" textlink="">
      <xdr:nvSpPr>
        <xdr:cNvPr id="61" name="フローチャート: 判断 60"/>
        <xdr:cNvSpPr/>
      </xdr:nvSpPr>
      <xdr:spPr>
        <a:xfrm>
          <a:off x="4584700" y="6076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53416</xdr:rowOff>
    </xdr:from>
    <xdr:to>
      <xdr:col>19</xdr:col>
      <xdr:colOff>177800</xdr:colOff>
      <xdr:row>35</xdr:row>
      <xdr:rowOff>168046</xdr:rowOff>
    </xdr:to>
    <xdr:cxnSp macro="">
      <xdr:nvCxnSpPr>
        <xdr:cNvPr id="62" name="直線コネクタ 61"/>
        <xdr:cNvCxnSpPr/>
      </xdr:nvCxnSpPr>
      <xdr:spPr>
        <a:xfrm>
          <a:off x="2908300" y="6154166"/>
          <a:ext cx="889000" cy="1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69367</xdr:rowOff>
    </xdr:from>
    <xdr:to>
      <xdr:col>20</xdr:col>
      <xdr:colOff>38100</xdr:colOff>
      <xdr:row>35</xdr:row>
      <xdr:rowOff>99517</xdr:rowOff>
    </xdr:to>
    <xdr:sp macro="" textlink="">
      <xdr:nvSpPr>
        <xdr:cNvPr id="63" name="フローチャート: 判断 62"/>
        <xdr:cNvSpPr/>
      </xdr:nvSpPr>
      <xdr:spPr>
        <a:xfrm>
          <a:off x="3746500" y="5998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16044</xdr:rowOff>
    </xdr:from>
    <xdr:ext cx="469744" cy="259045"/>
    <xdr:sp macro="" textlink="">
      <xdr:nvSpPr>
        <xdr:cNvPr id="64" name="テキスト ボックス 63"/>
        <xdr:cNvSpPr txBox="1"/>
      </xdr:nvSpPr>
      <xdr:spPr>
        <a:xfrm>
          <a:off x="3562428" y="5773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20955</xdr:rowOff>
    </xdr:from>
    <xdr:to>
      <xdr:col>15</xdr:col>
      <xdr:colOff>50800</xdr:colOff>
      <xdr:row>35</xdr:row>
      <xdr:rowOff>153416</xdr:rowOff>
    </xdr:to>
    <xdr:cxnSp macro="">
      <xdr:nvCxnSpPr>
        <xdr:cNvPr id="65" name="直線コネクタ 64"/>
        <xdr:cNvCxnSpPr/>
      </xdr:nvCxnSpPr>
      <xdr:spPr>
        <a:xfrm>
          <a:off x="2019300" y="6121705"/>
          <a:ext cx="889000" cy="32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7996</xdr:rowOff>
    </xdr:from>
    <xdr:to>
      <xdr:col>15</xdr:col>
      <xdr:colOff>101600</xdr:colOff>
      <xdr:row>35</xdr:row>
      <xdr:rowOff>98146</xdr:rowOff>
    </xdr:to>
    <xdr:sp macro="" textlink="">
      <xdr:nvSpPr>
        <xdr:cNvPr id="66" name="フローチャート: 判断 65"/>
        <xdr:cNvSpPr/>
      </xdr:nvSpPr>
      <xdr:spPr>
        <a:xfrm>
          <a:off x="2857500" y="5997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14673</xdr:rowOff>
    </xdr:from>
    <xdr:ext cx="469744" cy="259045"/>
    <xdr:sp macro="" textlink="">
      <xdr:nvSpPr>
        <xdr:cNvPr id="67" name="テキスト ボックス 66"/>
        <xdr:cNvSpPr txBox="1"/>
      </xdr:nvSpPr>
      <xdr:spPr>
        <a:xfrm>
          <a:off x="2673428" y="5772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20955</xdr:rowOff>
    </xdr:from>
    <xdr:to>
      <xdr:col>10</xdr:col>
      <xdr:colOff>114300</xdr:colOff>
      <xdr:row>35</xdr:row>
      <xdr:rowOff>124613</xdr:rowOff>
    </xdr:to>
    <xdr:cxnSp macro="">
      <xdr:nvCxnSpPr>
        <xdr:cNvPr id="68" name="直線コネクタ 67"/>
        <xdr:cNvCxnSpPr/>
      </xdr:nvCxnSpPr>
      <xdr:spPr>
        <a:xfrm flipV="1">
          <a:off x="1130300" y="6121705"/>
          <a:ext cx="889000" cy="3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946</xdr:rowOff>
    </xdr:from>
    <xdr:to>
      <xdr:col>10</xdr:col>
      <xdr:colOff>165100</xdr:colOff>
      <xdr:row>35</xdr:row>
      <xdr:rowOff>104546</xdr:rowOff>
    </xdr:to>
    <xdr:sp macro="" textlink="">
      <xdr:nvSpPr>
        <xdr:cNvPr id="69" name="フローチャート: 判断 68"/>
        <xdr:cNvSpPr/>
      </xdr:nvSpPr>
      <xdr:spPr>
        <a:xfrm>
          <a:off x="1968500" y="6003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1073</xdr:rowOff>
    </xdr:from>
    <xdr:ext cx="469744" cy="259045"/>
    <xdr:sp macro="" textlink="">
      <xdr:nvSpPr>
        <xdr:cNvPr id="70" name="テキスト ボックス 69"/>
        <xdr:cNvSpPr txBox="1"/>
      </xdr:nvSpPr>
      <xdr:spPr>
        <a:xfrm>
          <a:off x="1784428" y="5778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13589</xdr:rowOff>
    </xdr:from>
    <xdr:to>
      <xdr:col>6</xdr:col>
      <xdr:colOff>38100</xdr:colOff>
      <xdr:row>35</xdr:row>
      <xdr:rowOff>43739</xdr:rowOff>
    </xdr:to>
    <xdr:sp macro="" textlink="">
      <xdr:nvSpPr>
        <xdr:cNvPr id="71" name="フローチャート: 判断 70"/>
        <xdr:cNvSpPr/>
      </xdr:nvSpPr>
      <xdr:spPr>
        <a:xfrm>
          <a:off x="1079500" y="5942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60266</xdr:rowOff>
    </xdr:from>
    <xdr:ext cx="469744" cy="259045"/>
    <xdr:sp macro="" textlink="">
      <xdr:nvSpPr>
        <xdr:cNvPr id="72" name="テキスト ボックス 71"/>
        <xdr:cNvSpPr txBox="1"/>
      </xdr:nvSpPr>
      <xdr:spPr>
        <a:xfrm>
          <a:off x="895428" y="5718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3424</xdr:rowOff>
    </xdr:from>
    <xdr:to>
      <xdr:col>24</xdr:col>
      <xdr:colOff>114300</xdr:colOff>
      <xdr:row>36</xdr:row>
      <xdr:rowOff>93574</xdr:rowOff>
    </xdr:to>
    <xdr:sp macro="" textlink="">
      <xdr:nvSpPr>
        <xdr:cNvPr id="78" name="楕円 77"/>
        <xdr:cNvSpPr/>
      </xdr:nvSpPr>
      <xdr:spPr>
        <a:xfrm>
          <a:off x="4584700" y="6164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41851</xdr:rowOff>
    </xdr:from>
    <xdr:ext cx="469744" cy="259045"/>
    <xdr:sp macro="" textlink="">
      <xdr:nvSpPr>
        <xdr:cNvPr id="79" name="議会費該当値テキスト"/>
        <xdr:cNvSpPr txBox="1"/>
      </xdr:nvSpPr>
      <xdr:spPr>
        <a:xfrm>
          <a:off x="4686300" y="6142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17246</xdr:rowOff>
    </xdr:from>
    <xdr:to>
      <xdr:col>20</xdr:col>
      <xdr:colOff>38100</xdr:colOff>
      <xdr:row>36</xdr:row>
      <xdr:rowOff>47396</xdr:rowOff>
    </xdr:to>
    <xdr:sp macro="" textlink="">
      <xdr:nvSpPr>
        <xdr:cNvPr id="80" name="楕円 79"/>
        <xdr:cNvSpPr/>
      </xdr:nvSpPr>
      <xdr:spPr>
        <a:xfrm>
          <a:off x="3746500" y="6117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38523</xdr:rowOff>
    </xdr:from>
    <xdr:ext cx="469744" cy="259045"/>
    <xdr:sp macro="" textlink="">
      <xdr:nvSpPr>
        <xdr:cNvPr id="81" name="テキスト ボックス 80"/>
        <xdr:cNvSpPr txBox="1"/>
      </xdr:nvSpPr>
      <xdr:spPr>
        <a:xfrm>
          <a:off x="3562428" y="6210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02616</xdr:rowOff>
    </xdr:from>
    <xdr:to>
      <xdr:col>15</xdr:col>
      <xdr:colOff>101600</xdr:colOff>
      <xdr:row>36</xdr:row>
      <xdr:rowOff>32766</xdr:rowOff>
    </xdr:to>
    <xdr:sp macro="" textlink="">
      <xdr:nvSpPr>
        <xdr:cNvPr id="82" name="楕円 81"/>
        <xdr:cNvSpPr/>
      </xdr:nvSpPr>
      <xdr:spPr>
        <a:xfrm>
          <a:off x="2857500" y="610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23893</xdr:rowOff>
    </xdr:from>
    <xdr:ext cx="469744" cy="259045"/>
    <xdr:sp macro="" textlink="">
      <xdr:nvSpPr>
        <xdr:cNvPr id="83" name="テキスト ボックス 82"/>
        <xdr:cNvSpPr txBox="1"/>
      </xdr:nvSpPr>
      <xdr:spPr>
        <a:xfrm>
          <a:off x="2673428" y="619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70155</xdr:rowOff>
    </xdr:from>
    <xdr:to>
      <xdr:col>10</xdr:col>
      <xdr:colOff>165100</xdr:colOff>
      <xdr:row>36</xdr:row>
      <xdr:rowOff>305</xdr:rowOff>
    </xdr:to>
    <xdr:sp macro="" textlink="">
      <xdr:nvSpPr>
        <xdr:cNvPr id="84" name="楕円 83"/>
        <xdr:cNvSpPr/>
      </xdr:nvSpPr>
      <xdr:spPr>
        <a:xfrm>
          <a:off x="1968500" y="6070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62882</xdr:rowOff>
    </xdr:from>
    <xdr:ext cx="469744" cy="259045"/>
    <xdr:sp macro="" textlink="">
      <xdr:nvSpPr>
        <xdr:cNvPr id="85" name="テキスト ボックス 84"/>
        <xdr:cNvSpPr txBox="1"/>
      </xdr:nvSpPr>
      <xdr:spPr>
        <a:xfrm>
          <a:off x="1784428" y="6163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3813</xdr:rowOff>
    </xdr:from>
    <xdr:to>
      <xdr:col>6</xdr:col>
      <xdr:colOff>38100</xdr:colOff>
      <xdr:row>36</xdr:row>
      <xdr:rowOff>3963</xdr:rowOff>
    </xdr:to>
    <xdr:sp macro="" textlink="">
      <xdr:nvSpPr>
        <xdr:cNvPr id="86" name="楕円 85"/>
        <xdr:cNvSpPr/>
      </xdr:nvSpPr>
      <xdr:spPr>
        <a:xfrm>
          <a:off x="1079500" y="6074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66540</xdr:rowOff>
    </xdr:from>
    <xdr:ext cx="469744" cy="259045"/>
    <xdr:sp macro="" textlink="">
      <xdr:nvSpPr>
        <xdr:cNvPr id="87" name="テキスト ボックス 86"/>
        <xdr:cNvSpPr txBox="1"/>
      </xdr:nvSpPr>
      <xdr:spPr>
        <a:xfrm>
          <a:off x="895428" y="6167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1" name="テキスト ボックス 100"/>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8716</xdr:rowOff>
    </xdr:from>
    <xdr:to>
      <xdr:col>24</xdr:col>
      <xdr:colOff>62865</xdr:colOff>
      <xdr:row>56</xdr:row>
      <xdr:rowOff>48268</xdr:rowOff>
    </xdr:to>
    <xdr:cxnSp macro="">
      <xdr:nvCxnSpPr>
        <xdr:cNvPr id="111" name="直線コネクタ 110"/>
        <xdr:cNvCxnSpPr/>
      </xdr:nvCxnSpPr>
      <xdr:spPr>
        <a:xfrm flipV="1">
          <a:off x="4633595" y="8902666"/>
          <a:ext cx="1270" cy="746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2095</xdr:rowOff>
    </xdr:from>
    <xdr:ext cx="599010" cy="259045"/>
    <xdr:sp macro="" textlink="">
      <xdr:nvSpPr>
        <xdr:cNvPr id="112" name="総務費最小値テキスト"/>
        <xdr:cNvSpPr txBox="1"/>
      </xdr:nvSpPr>
      <xdr:spPr>
        <a:xfrm>
          <a:off x="4686300" y="96532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48268</xdr:rowOff>
    </xdr:from>
    <xdr:to>
      <xdr:col>24</xdr:col>
      <xdr:colOff>152400</xdr:colOff>
      <xdr:row>56</xdr:row>
      <xdr:rowOff>48268</xdr:rowOff>
    </xdr:to>
    <xdr:cxnSp macro="">
      <xdr:nvCxnSpPr>
        <xdr:cNvPr id="113" name="直線コネクタ 112"/>
        <xdr:cNvCxnSpPr/>
      </xdr:nvCxnSpPr>
      <xdr:spPr>
        <a:xfrm>
          <a:off x="4546600" y="96494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05393</xdr:rowOff>
    </xdr:from>
    <xdr:ext cx="599010" cy="259045"/>
    <xdr:sp macro="" textlink="">
      <xdr:nvSpPr>
        <xdr:cNvPr id="114" name="総務費最大値テキスト"/>
        <xdr:cNvSpPr txBox="1"/>
      </xdr:nvSpPr>
      <xdr:spPr>
        <a:xfrm>
          <a:off x="4686300" y="86778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0,00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58716</xdr:rowOff>
    </xdr:from>
    <xdr:to>
      <xdr:col>24</xdr:col>
      <xdr:colOff>152400</xdr:colOff>
      <xdr:row>51</xdr:row>
      <xdr:rowOff>158716</xdr:rowOff>
    </xdr:to>
    <xdr:cxnSp macro="">
      <xdr:nvCxnSpPr>
        <xdr:cNvPr id="115" name="直線コネクタ 114"/>
        <xdr:cNvCxnSpPr/>
      </xdr:nvCxnSpPr>
      <xdr:spPr>
        <a:xfrm>
          <a:off x="4546600" y="89026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9063</xdr:rowOff>
    </xdr:from>
    <xdr:to>
      <xdr:col>24</xdr:col>
      <xdr:colOff>63500</xdr:colOff>
      <xdr:row>58</xdr:row>
      <xdr:rowOff>49609</xdr:rowOff>
    </xdr:to>
    <xdr:cxnSp macro="">
      <xdr:nvCxnSpPr>
        <xdr:cNvPr id="116" name="直線コネクタ 115"/>
        <xdr:cNvCxnSpPr/>
      </xdr:nvCxnSpPr>
      <xdr:spPr>
        <a:xfrm flipV="1">
          <a:off x="3797300" y="9610263"/>
          <a:ext cx="838200" cy="383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65021</xdr:rowOff>
    </xdr:from>
    <xdr:ext cx="599010" cy="259045"/>
    <xdr:sp macro="" textlink="">
      <xdr:nvSpPr>
        <xdr:cNvPr id="117" name="総務費平均値テキスト"/>
        <xdr:cNvSpPr txBox="1"/>
      </xdr:nvSpPr>
      <xdr:spPr>
        <a:xfrm>
          <a:off x="4686300" y="932332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2144</xdr:rowOff>
    </xdr:from>
    <xdr:to>
      <xdr:col>24</xdr:col>
      <xdr:colOff>114300</xdr:colOff>
      <xdr:row>55</xdr:row>
      <xdr:rowOff>143744</xdr:rowOff>
    </xdr:to>
    <xdr:sp macro="" textlink="">
      <xdr:nvSpPr>
        <xdr:cNvPr id="118" name="フローチャート: 判断 117"/>
        <xdr:cNvSpPr/>
      </xdr:nvSpPr>
      <xdr:spPr>
        <a:xfrm>
          <a:off x="4584700" y="9471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9609</xdr:rowOff>
    </xdr:from>
    <xdr:to>
      <xdr:col>19</xdr:col>
      <xdr:colOff>177800</xdr:colOff>
      <xdr:row>58</xdr:row>
      <xdr:rowOff>70659</xdr:rowOff>
    </xdr:to>
    <xdr:cxnSp macro="">
      <xdr:nvCxnSpPr>
        <xdr:cNvPr id="119" name="直線コネクタ 118"/>
        <xdr:cNvCxnSpPr/>
      </xdr:nvCxnSpPr>
      <xdr:spPr>
        <a:xfrm flipV="1">
          <a:off x="2908300" y="9993709"/>
          <a:ext cx="889000" cy="21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02677</xdr:rowOff>
    </xdr:from>
    <xdr:to>
      <xdr:col>20</xdr:col>
      <xdr:colOff>38100</xdr:colOff>
      <xdr:row>58</xdr:row>
      <xdr:rowOff>32827</xdr:rowOff>
    </xdr:to>
    <xdr:sp macro="" textlink="">
      <xdr:nvSpPr>
        <xdr:cNvPr id="120" name="フローチャート: 判断 119"/>
        <xdr:cNvSpPr/>
      </xdr:nvSpPr>
      <xdr:spPr>
        <a:xfrm>
          <a:off x="3746500" y="9875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49354</xdr:rowOff>
    </xdr:from>
    <xdr:ext cx="534377" cy="259045"/>
    <xdr:sp macro="" textlink="">
      <xdr:nvSpPr>
        <xdr:cNvPr id="121" name="テキスト ボックス 120"/>
        <xdr:cNvSpPr txBox="1"/>
      </xdr:nvSpPr>
      <xdr:spPr>
        <a:xfrm>
          <a:off x="3530111" y="9650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70659</xdr:rowOff>
    </xdr:from>
    <xdr:to>
      <xdr:col>15</xdr:col>
      <xdr:colOff>50800</xdr:colOff>
      <xdr:row>58</xdr:row>
      <xdr:rowOff>73128</xdr:rowOff>
    </xdr:to>
    <xdr:cxnSp macro="">
      <xdr:nvCxnSpPr>
        <xdr:cNvPr id="122" name="直線コネクタ 121"/>
        <xdr:cNvCxnSpPr/>
      </xdr:nvCxnSpPr>
      <xdr:spPr>
        <a:xfrm flipV="1">
          <a:off x="2019300" y="10014759"/>
          <a:ext cx="889000" cy="2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08003</xdr:rowOff>
    </xdr:from>
    <xdr:to>
      <xdr:col>15</xdr:col>
      <xdr:colOff>101600</xdr:colOff>
      <xdr:row>58</xdr:row>
      <xdr:rowOff>38153</xdr:rowOff>
    </xdr:to>
    <xdr:sp macro="" textlink="">
      <xdr:nvSpPr>
        <xdr:cNvPr id="123" name="フローチャート: 判断 122"/>
        <xdr:cNvSpPr/>
      </xdr:nvSpPr>
      <xdr:spPr>
        <a:xfrm>
          <a:off x="2857500" y="9880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54680</xdr:rowOff>
    </xdr:from>
    <xdr:ext cx="534377" cy="259045"/>
    <xdr:sp macro="" textlink="">
      <xdr:nvSpPr>
        <xdr:cNvPr id="124" name="テキスト ボックス 123"/>
        <xdr:cNvSpPr txBox="1"/>
      </xdr:nvSpPr>
      <xdr:spPr>
        <a:xfrm>
          <a:off x="2641111" y="9655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73128</xdr:rowOff>
    </xdr:from>
    <xdr:to>
      <xdr:col>10</xdr:col>
      <xdr:colOff>114300</xdr:colOff>
      <xdr:row>58</xdr:row>
      <xdr:rowOff>90440</xdr:rowOff>
    </xdr:to>
    <xdr:cxnSp macro="">
      <xdr:nvCxnSpPr>
        <xdr:cNvPr id="125" name="直線コネクタ 124"/>
        <xdr:cNvCxnSpPr/>
      </xdr:nvCxnSpPr>
      <xdr:spPr>
        <a:xfrm flipV="1">
          <a:off x="1130300" y="10017228"/>
          <a:ext cx="889000" cy="17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8920</xdr:rowOff>
    </xdr:from>
    <xdr:to>
      <xdr:col>10</xdr:col>
      <xdr:colOff>165100</xdr:colOff>
      <xdr:row>58</xdr:row>
      <xdr:rowOff>59070</xdr:rowOff>
    </xdr:to>
    <xdr:sp macro="" textlink="">
      <xdr:nvSpPr>
        <xdr:cNvPr id="126" name="フローチャート: 判断 125"/>
        <xdr:cNvSpPr/>
      </xdr:nvSpPr>
      <xdr:spPr>
        <a:xfrm>
          <a:off x="1968500" y="9901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5597</xdr:rowOff>
    </xdr:from>
    <xdr:ext cx="534377" cy="259045"/>
    <xdr:sp macro="" textlink="">
      <xdr:nvSpPr>
        <xdr:cNvPr id="127" name="テキスト ボックス 126"/>
        <xdr:cNvSpPr txBox="1"/>
      </xdr:nvSpPr>
      <xdr:spPr>
        <a:xfrm>
          <a:off x="1752111" y="9676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6735</xdr:rowOff>
    </xdr:from>
    <xdr:to>
      <xdr:col>6</xdr:col>
      <xdr:colOff>38100</xdr:colOff>
      <xdr:row>58</xdr:row>
      <xdr:rowOff>36885</xdr:rowOff>
    </xdr:to>
    <xdr:sp macro="" textlink="">
      <xdr:nvSpPr>
        <xdr:cNvPr id="128" name="フローチャート: 判断 127"/>
        <xdr:cNvSpPr/>
      </xdr:nvSpPr>
      <xdr:spPr>
        <a:xfrm>
          <a:off x="1079500" y="987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53412</xdr:rowOff>
    </xdr:from>
    <xdr:ext cx="534377" cy="259045"/>
    <xdr:sp macro="" textlink="">
      <xdr:nvSpPr>
        <xdr:cNvPr id="129" name="テキスト ボックス 128"/>
        <xdr:cNvSpPr txBox="1"/>
      </xdr:nvSpPr>
      <xdr:spPr>
        <a:xfrm>
          <a:off x="863111" y="965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9713</xdr:rowOff>
    </xdr:from>
    <xdr:to>
      <xdr:col>24</xdr:col>
      <xdr:colOff>114300</xdr:colOff>
      <xdr:row>56</xdr:row>
      <xdr:rowOff>59863</xdr:rowOff>
    </xdr:to>
    <xdr:sp macro="" textlink="">
      <xdr:nvSpPr>
        <xdr:cNvPr id="135" name="楕円 134"/>
        <xdr:cNvSpPr/>
      </xdr:nvSpPr>
      <xdr:spPr>
        <a:xfrm>
          <a:off x="4584700" y="9559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44640</xdr:rowOff>
    </xdr:from>
    <xdr:ext cx="599010" cy="259045"/>
    <xdr:sp macro="" textlink="">
      <xdr:nvSpPr>
        <xdr:cNvPr id="136" name="総務費該当値テキスト"/>
        <xdr:cNvSpPr txBox="1"/>
      </xdr:nvSpPr>
      <xdr:spPr>
        <a:xfrm>
          <a:off x="4686300" y="94743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70259</xdr:rowOff>
    </xdr:from>
    <xdr:to>
      <xdr:col>20</xdr:col>
      <xdr:colOff>38100</xdr:colOff>
      <xdr:row>58</xdr:row>
      <xdr:rowOff>100409</xdr:rowOff>
    </xdr:to>
    <xdr:sp macro="" textlink="">
      <xdr:nvSpPr>
        <xdr:cNvPr id="137" name="楕円 136"/>
        <xdr:cNvSpPr/>
      </xdr:nvSpPr>
      <xdr:spPr>
        <a:xfrm>
          <a:off x="3746500" y="9942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91536</xdr:rowOff>
    </xdr:from>
    <xdr:ext cx="534377" cy="259045"/>
    <xdr:sp macro="" textlink="">
      <xdr:nvSpPr>
        <xdr:cNvPr id="138" name="テキスト ボックス 137"/>
        <xdr:cNvSpPr txBox="1"/>
      </xdr:nvSpPr>
      <xdr:spPr>
        <a:xfrm>
          <a:off x="3530111" y="10035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9859</xdr:rowOff>
    </xdr:from>
    <xdr:to>
      <xdr:col>15</xdr:col>
      <xdr:colOff>101600</xdr:colOff>
      <xdr:row>58</xdr:row>
      <xdr:rowOff>121459</xdr:rowOff>
    </xdr:to>
    <xdr:sp macro="" textlink="">
      <xdr:nvSpPr>
        <xdr:cNvPr id="139" name="楕円 138"/>
        <xdr:cNvSpPr/>
      </xdr:nvSpPr>
      <xdr:spPr>
        <a:xfrm>
          <a:off x="2857500" y="9963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12586</xdr:rowOff>
    </xdr:from>
    <xdr:ext cx="534377" cy="259045"/>
    <xdr:sp macro="" textlink="">
      <xdr:nvSpPr>
        <xdr:cNvPr id="140" name="テキスト ボックス 139"/>
        <xdr:cNvSpPr txBox="1"/>
      </xdr:nvSpPr>
      <xdr:spPr>
        <a:xfrm>
          <a:off x="2641111" y="10056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2328</xdr:rowOff>
    </xdr:from>
    <xdr:to>
      <xdr:col>10</xdr:col>
      <xdr:colOff>165100</xdr:colOff>
      <xdr:row>58</xdr:row>
      <xdr:rowOff>123928</xdr:rowOff>
    </xdr:to>
    <xdr:sp macro="" textlink="">
      <xdr:nvSpPr>
        <xdr:cNvPr id="141" name="楕円 140"/>
        <xdr:cNvSpPr/>
      </xdr:nvSpPr>
      <xdr:spPr>
        <a:xfrm>
          <a:off x="1968500" y="9966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15055</xdr:rowOff>
    </xdr:from>
    <xdr:ext cx="534377" cy="259045"/>
    <xdr:sp macro="" textlink="">
      <xdr:nvSpPr>
        <xdr:cNvPr id="142" name="テキスト ボックス 141"/>
        <xdr:cNvSpPr txBox="1"/>
      </xdr:nvSpPr>
      <xdr:spPr>
        <a:xfrm>
          <a:off x="1752111" y="10059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9640</xdr:rowOff>
    </xdr:from>
    <xdr:to>
      <xdr:col>6</xdr:col>
      <xdr:colOff>38100</xdr:colOff>
      <xdr:row>58</xdr:row>
      <xdr:rowOff>141240</xdr:rowOff>
    </xdr:to>
    <xdr:sp macro="" textlink="">
      <xdr:nvSpPr>
        <xdr:cNvPr id="143" name="楕円 142"/>
        <xdr:cNvSpPr/>
      </xdr:nvSpPr>
      <xdr:spPr>
        <a:xfrm>
          <a:off x="1079500" y="998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32367</xdr:rowOff>
    </xdr:from>
    <xdr:ext cx="534377" cy="259045"/>
    <xdr:sp macro="" textlink="">
      <xdr:nvSpPr>
        <xdr:cNvPr id="144" name="テキスト ボックス 143"/>
        <xdr:cNvSpPr txBox="1"/>
      </xdr:nvSpPr>
      <xdr:spPr>
        <a:xfrm>
          <a:off x="863111" y="10076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6" name="直線コネクタ 155"/>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7" name="テキスト ボックス 156"/>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8" name="直線コネクタ 157"/>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59" name="テキスト ボックス 158"/>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0" name="直線コネクタ 159"/>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1" name="テキスト ボックス 160"/>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2" name="直線コネクタ 161"/>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3" name="テキスト ボックス 162"/>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4" name="直線コネクタ 163"/>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5" name="テキスト ボックス 164"/>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6" name="直線コネクタ 165"/>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7" name="テキスト ボックス 166"/>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25396</xdr:rowOff>
    </xdr:from>
    <xdr:to>
      <xdr:col>24</xdr:col>
      <xdr:colOff>62865</xdr:colOff>
      <xdr:row>78</xdr:row>
      <xdr:rowOff>80144</xdr:rowOff>
    </xdr:to>
    <xdr:cxnSp macro="">
      <xdr:nvCxnSpPr>
        <xdr:cNvPr id="171" name="直線コネクタ 170"/>
        <xdr:cNvCxnSpPr/>
      </xdr:nvCxnSpPr>
      <xdr:spPr>
        <a:xfrm flipV="1">
          <a:off x="4633595" y="11955446"/>
          <a:ext cx="1270" cy="1497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3971</xdr:rowOff>
    </xdr:from>
    <xdr:ext cx="599010" cy="259045"/>
    <xdr:sp macro="" textlink="">
      <xdr:nvSpPr>
        <xdr:cNvPr id="172" name="民生費最小値テキスト"/>
        <xdr:cNvSpPr txBox="1"/>
      </xdr:nvSpPr>
      <xdr:spPr>
        <a:xfrm>
          <a:off x="4686300" y="134570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0144</xdr:rowOff>
    </xdr:from>
    <xdr:to>
      <xdr:col>24</xdr:col>
      <xdr:colOff>152400</xdr:colOff>
      <xdr:row>78</xdr:row>
      <xdr:rowOff>80144</xdr:rowOff>
    </xdr:to>
    <xdr:cxnSp macro="">
      <xdr:nvCxnSpPr>
        <xdr:cNvPr id="173" name="直線コネクタ 172"/>
        <xdr:cNvCxnSpPr/>
      </xdr:nvCxnSpPr>
      <xdr:spPr>
        <a:xfrm>
          <a:off x="4546600" y="13453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72073</xdr:rowOff>
    </xdr:from>
    <xdr:ext cx="599010" cy="259045"/>
    <xdr:sp macro="" textlink="">
      <xdr:nvSpPr>
        <xdr:cNvPr id="174" name="民生費最大値テキスト"/>
        <xdr:cNvSpPr txBox="1"/>
      </xdr:nvSpPr>
      <xdr:spPr>
        <a:xfrm>
          <a:off x="4686300" y="11730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06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25396</xdr:rowOff>
    </xdr:from>
    <xdr:to>
      <xdr:col>24</xdr:col>
      <xdr:colOff>152400</xdr:colOff>
      <xdr:row>69</xdr:row>
      <xdr:rowOff>125396</xdr:rowOff>
    </xdr:to>
    <xdr:cxnSp macro="">
      <xdr:nvCxnSpPr>
        <xdr:cNvPr id="175" name="直線コネクタ 174"/>
        <xdr:cNvCxnSpPr/>
      </xdr:nvCxnSpPr>
      <xdr:spPr>
        <a:xfrm>
          <a:off x="4546600" y="11955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86350</xdr:rowOff>
    </xdr:from>
    <xdr:to>
      <xdr:col>24</xdr:col>
      <xdr:colOff>63500</xdr:colOff>
      <xdr:row>76</xdr:row>
      <xdr:rowOff>134931</xdr:rowOff>
    </xdr:to>
    <xdr:cxnSp macro="">
      <xdr:nvCxnSpPr>
        <xdr:cNvPr id="176" name="直線コネクタ 175"/>
        <xdr:cNvCxnSpPr/>
      </xdr:nvCxnSpPr>
      <xdr:spPr>
        <a:xfrm flipV="1">
          <a:off x="3797300" y="13116550"/>
          <a:ext cx="838200" cy="4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9727</xdr:rowOff>
    </xdr:from>
    <xdr:ext cx="599010" cy="259045"/>
    <xdr:sp macro="" textlink="">
      <xdr:nvSpPr>
        <xdr:cNvPr id="177" name="民生費平均値テキスト"/>
        <xdr:cNvSpPr txBox="1"/>
      </xdr:nvSpPr>
      <xdr:spPr>
        <a:xfrm>
          <a:off x="4686300" y="127870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6850</xdr:rowOff>
    </xdr:from>
    <xdr:to>
      <xdr:col>24</xdr:col>
      <xdr:colOff>114300</xdr:colOff>
      <xdr:row>76</xdr:row>
      <xdr:rowOff>7000</xdr:rowOff>
    </xdr:to>
    <xdr:sp macro="" textlink="">
      <xdr:nvSpPr>
        <xdr:cNvPr id="178" name="フローチャート: 判断 177"/>
        <xdr:cNvSpPr/>
      </xdr:nvSpPr>
      <xdr:spPr>
        <a:xfrm>
          <a:off x="4584700" y="1293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34931</xdr:rowOff>
    </xdr:from>
    <xdr:to>
      <xdr:col>19</xdr:col>
      <xdr:colOff>177800</xdr:colOff>
      <xdr:row>77</xdr:row>
      <xdr:rowOff>20154</xdr:rowOff>
    </xdr:to>
    <xdr:cxnSp macro="">
      <xdr:nvCxnSpPr>
        <xdr:cNvPr id="179" name="直線コネクタ 178"/>
        <xdr:cNvCxnSpPr/>
      </xdr:nvCxnSpPr>
      <xdr:spPr>
        <a:xfrm flipV="1">
          <a:off x="2908300" y="13165131"/>
          <a:ext cx="889000" cy="56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35338</xdr:rowOff>
    </xdr:from>
    <xdr:to>
      <xdr:col>20</xdr:col>
      <xdr:colOff>38100</xdr:colOff>
      <xdr:row>76</xdr:row>
      <xdr:rowOff>65487</xdr:rowOff>
    </xdr:to>
    <xdr:sp macro="" textlink="">
      <xdr:nvSpPr>
        <xdr:cNvPr id="180" name="フローチャート: 判断 179"/>
        <xdr:cNvSpPr/>
      </xdr:nvSpPr>
      <xdr:spPr>
        <a:xfrm>
          <a:off x="3746500" y="1299408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82015</xdr:rowOff>
    </xdr:from>
    <xdr:ext cx="599010" cy="259045"/>
    <xdr:sp macro="" textlink="">
      <xdr:nvSpPr>
        <xdr:cNvPr id="181" name="テキスト ボックス 180"/>
        <xdr:cNvSpPr txBox="1"/>
      </xdr:nvSpPr>
      <xdr:spPr>
        <a:xfrm>
          <a:off x="3497795" y="127693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10809</xdr:rowOff>
    </xdr:from>
    <xdr:to>
      <xdr:col>15</xdr:col>
      <xdr:colOff>50800</xdr:colOff>
      <xdr:row>77</xdr:row>
      <xdr:rowOff>20154</xdr:rowOff>
    </xdr:to>
    <xdr:cxnSp macro="">
      <xdr:nvCxnSpPr>
        <xdr:cNvPr id="182" name="直線コネクタ 181"/>
        <xdr:cNvCxnSpPr/>
      </xdr:nvCxnSpPr>
      <xdr:spPr>
        <a:xfrm>
          <a:off x="2019300" y="13141009"/>
          <a:ext cx="889000" cy="8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24696</xdr:rowOff>
    </xdr:from>
    <xdr:to>
      <xdr:col>15</xdr:col>
      <xdr:colOff>101600</xdr:colOff>
      <xdr:row>76</xdr:row>
      <xdr:rowOff>126296</xdr:rowOff>
    </xdr:to>
    <xdr:sp macro="" textlink="">
      <xdr:nvSpPr>
        <xdr:cNvPr id="183" name="フローチャート: 判断 182"/>
        <xdr:cNvSpPr/>
      </xdr:nvSpPr>
      <xdr:spPr>
        <a:xfrm>
          <a:off x="2857500" y="1305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42823</xdr:rowOff>
    </xdr:from>
    <xdr:ext cx="599010" cy="259045"/>
    <xdr:sp macro="" textlink="">
      <xdr:nvSpPr>
        <xdr:cNvPr id="184" name="テキスト ボックス 183"/>
        <xdr:cNvSpPr txBox="1"/>
      </xdr:nvSpPr>
      <xdr:spPr>
        <a:xfrm>
          <a:off x="2608795" y="128301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10809</xdr:rowOff>
    </xdr:from>
    <xdr:to>
      <xdr:col>10</xdr:col>
      <xdr:colOff>114300</xdr:colOff>
      <xdr:row>77</xdr:row>
      <xdr:rowOff>22146</xdr:rowOff>
    </xdr:to>
    <xdr:cxnSp macro="">
      <xdr:nvCxnSpPr>
        <xdr:cNvPr id="185" name="直線コネクタ 184"/>
        <xdr:cNvCxnSpPr/>
      </xdr:nvCxnSpPr>
      <xdr:spPr>
        <a:xfrm flipV="1">
          <a:off x="1130300" y="13141009"/>
          <a:ext cx="889000" cy="82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2446</xdr:rowOff>
    </xdr:from>
    <xdr:to>
      <xdr:col>10</xdr:col>
      <xdr:colOff>165100</xdr:colOff>
      <xdr:row>76</xdr:row>
      <xdr:rowOff>104046</xdr:rowOff>
    </xdr:to>
    <xdr:sp macro="" textlink="">
      <xdr:nvSpPr>
        <xdr:cNvPr id="186" name="フローチャート: 判断 185"/>
        <xdr:cNvSpPr/>
      </xdr:nvSpPr>
      <xdr:spPr>
        <a:xfrm>
          <a:off x="1968500" y="13032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0573</xdr:rowOff>
    </xdr:from>
    <xdr:ext cx="599010" cy="259045"/>
    <xdr:sp macro="" textlink="">
      <xdr:nvSpPr>
        <xdr:cNvPr id="187" name="テキスト ボックス 186"/>
        <xdr:cNvSpPr txBox="1"/>
      </xdr:nvSpPr>
      <xdr:spPr>
        <a:xfrm>
          <a:off x="1719795" y="128078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20577</xdr:rowOff>
    </xdr:from>
    <xdr:to>
      <xdr:col>6</xdr:col>
      <xdr:colOff>38100</xdr:colOff>
      <xdr:row>76</xdr:row>
      <xdr:rowOff>50727</xdr:rowOff>
    </xdr:to>
    <xdr:sp macro="" textlink="">
      <xdr:nvSpPr>
        <xdr:cNvPr id="188" name="フローチャート: 判断 187"/>
        <xdr:cNvSpPr/>
      </xdr:nvSpPr>
      <xdr:spPr>
        <a:xfrm>
          <a:off x="1079500" y="12979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67254</xdr:rowOff>
    </xdr:from>
    <xdr:ext cx="599010" cy="259045"/>
    <xdr:sp macro="" textlink="">
      <xdr:nvSpPr>
        <xdr:cNvPr id="189" name="テキスト ボックス 188"/>
        <xdr:cNvSpPr txBox="1"/>
      </xdr:nvSpPr>
      <xdr:spPr>
        <a:xfrm>
          <a:off x="830795" y="127545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5550</xdr:rowOff>
    </xdr:from>
    <xdr:to>
      <xdr:col>24</xdr:col>
      <xdr:colOff>114300</xdr:colOff>
      <xdr:row>76</xdr:row>
      <xdr:rowOff>137150</xdr:rowOff>
    </xdr:to>
    <xdr:sp macro="" textlink="">
      <xdr:nvSpPr>
        <xdr:cNvPr id="195" name="楕円 194"/>
        <xdr:cNvSpPr/>
      </xdr:nvSpPr>
      <xdr:spPr>
        <a:xfrm>
          <a:off x="4584700" y="13065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977</xdr:rowOff>
    </xdr:from>
    <xdr:ext cx="599010" cy="259045"/>
    <xdr:sp macro="" textlink="">
      <xdr:nvSpPr>
        <xdr:cNvPr id="196" name="民生費該当値テキスト"/>
        <xdr:cNvSpPr txBox="1"/>
      </xdr:nvSpPr>
      <xdr:spPr>
        <a:xfrm>
          <a:off x="4686300" y="13044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84131</xdr:rowOff>
    </xdr:from>
    <xdr:to>
      <xdr:col>20</xdr:col>
      <xdr:colOff>38100</xdr:colOff>
      <xdr:row>77</xdr:row>
      <xdr:rowOff>14281</xdr:rowOff>
    </xdr:to>
    <xdr:sp macro="" textlink="">
      <xdr:nvSpPr>
        <xdr:cNvPr id="197" name="楕円 196"/>
        <xdr:cNvSpPr/>
      </xdr:nvSpPr>
      <xdr:spPr>
        <a:xfrm>
          <a:off x="3746500" y="13114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5408</xdr:rowOff>
    </xdr:from>
    <xdr:ext cx="599010" cy="259045"/>
    <xdr:sp macro="" textlink="">
      <xdr:nvSpPr>
        <xdr:cNvPr id="198" name="テキスト ボックス 197"/>
        <xdr:cNvSpPr txBox="1"/>
      </xdr:nvSpPr>
      <xdr:spPr>
        <a:xfrm>
          <a:off x="3497795" y="13207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40804</xdr:rowOff>
    </xdr:from>
    <xdr:to>
      <xdr:col>15</xdr:col>
      <xdr:colOff>101600</xdr:colOff>
      <xdr:row>77</xdr:row>
      <xdr:rowOff>70954</xdr:rowOff>
    </xdr:to>
    <xdr:sp macro="" textlink="">
      <xdr:nvSpPr>
        <xdr:cNvPr id="199" name="楕円 198"/>
        <xdr:cNvSpPr/>
      </xdr:nvSpPr>
      <xdr:spPr>
        <a:xfrm>
          <a:off x="2857500" y="13171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62081</xdr:rowOff>
    </xdr:from>
    <xdr:ext cx="599010" cy="259045"/>
    <xdr:sp macro="" textlink="">
      <xdr:nvSpPr>
        <xdr:cNvPr id="200" name="テキスト ボックス 199"/>
        <xdr:cNvSpPr txBox="1"/>
      </xdr:nvSpPr>
      <xdr:spPr>
        <a:xfrm>
          <a:off x="2608795" y="132637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60009</xdr:rowOff>
    </xdr:from>
    <xdr:to>
      <xdr:col>10</xdr:col>
      <xdr:colOff>165100</xdr:colOff>
      <xdr:row>76</xdr:row>
      <xdr:rowOff>161609</xdr:rowOff>
    </xdr:to>
    <xdr:sp macro="" textlink="">
      <xdr:nvSpPr>
        <xdr:cNvPr id="201" name="楕円 200"/>
        <xdr:cNvSpPr/>
      </xdr:nvSpPr>
      <xdr:spPr>
        <a:xfrm>
          <a:off x="1968500" y="13090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52736</xdr:rowOff>
    </xdr:from>
    <xdr:ext cx="599010" cy="259045"/>
    <xdr:sp macro="" textlink="">
      <xdr:nvSpPr>
        <xdr:cNvPr id="202" name="テキスト ボックス 201"/>
        <xdr:cNvSpPr txBox="1"/>
      </xdr:nvSpPr>
      <xdr:spPr>
        <a:xfrm>
          <a:off x="1719795" y="131829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2796</xdr:rowOff>
    </xdr:from>
    <xdr:to>
      <xdr:col>6</xdr:col>
      <xdr:colOff>38100</xdr:colOff>
      <xdr:row>77</xdr:row>
      <xdr:rowOff>72946</xdr:rowOff>
    </xdr:to>
    <xdr:sp macro="" textlink="">
      <xdr:nvSpPr>
        <xdr:cNvPr id="203" name="楕円 202"/>
        <xdr:cNvSpPr/>
      </xdr:nvSpPr>
      <xdr:spPr>
        <a:xfrm>
          <a:off x="1079500" y="13172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4073</xdr:rowOff>
    </xdr:from>
    <xdr:ext cx="599010" cy="259045"/>
    <xdr:sp macro="" textlink="">
      <xdr:nvSpPr>
        <xdr:cNvPr id="204" name="テキスト ボックス 203"/>
        <xdr:cNvSpPr txBox="1"/>
      </xdr:nvSpPr>
      <xdr:spPr>
        <a:xfrm>
          <a:off x="830795" y="132657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5" name="直線コネクタ 214"/>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6" name="テキスト ボックス 215"/>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8" name="テキスト ボックス 217"/>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0" name="テキスト ボックス 219"/>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96822</xdr:rowOff>
    </xdr:from>
    <xdr:to>
      <xdr:col>24</xdr:col>
      <xdr:colOff>62865</xdr:colOff>
      <xdr:row>98</xdr:row>
      <xdr:rowOff>59858</xdr:rowOff>
    </xdr:to>
    <xdr:cxnSp macro="">
      <xdr:nvCxnSpPr>
        <xdr:cNvPr id="228" name="直線コネクタ 227"/>
        <xdr:cNvCxnSpPr/>
      </xdr:nvCxnSpPr>
      <xdr:spPr>
        <a:xfrm flipV="1">
          <a:off x="4633595" y="15698772"/>
          <a:ext cx="1270" cy="1163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3685</xdr:rowOff>
    </xdr:from>
    <xdr:ext cx="534377" cy="259045"/>
    <xdr:sp macro="" textlink="">
      <xdr:nvSpPr>
        <xdr:cNvPr id="229" name="衛生費最小値テキスト"/>
        <xdr:cNvSpPr txBox="1"/>
      </xdr:nvSpPr>
      <xdr:spPr>
        <a:xfrm>
          <a:off x="4686300" y="16865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59858</xdr:rowOff>
    </xdr:from>
    <xdr:to>
      <xdr:col>24</xdr:col>
      <xdr:colOff>152400</xdr:colOff>
      <xdr:row>98</xdr:row>
      <xdr:rowOff>59858</xdr:rowOff>
    </xdr:to>
    <xdr:cxnSp macro="">
      <xdr:nvCxnSpPr>
        <xdr:cNvPr id="230" name="直線コネクタ 229"/>
        <xdr:cNvCxnSpPr/>
      </xdr:nvCxnSpPr>
      <xdr:spPr>
        <a:xfrm>
          <a:off x="4546600" y="16861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43499</xdr:rowOff>
    </xdr:from>
    <xdr:ext cx="599010" cy="259045"/>
    <xdr:sp macro="" textlink="">
      <xdr:nvSpPr>
        <xdr:cNvPr id="231" name="衛生費最大値テキスト"/>
        <xdr:cNvSpPr txBox="1"/>
      </xdr:nvSpPr>
      <xdr:spPr>
        <a:xfrm>
          <a:off x="4686300" y="15473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12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96822</xdr:rowOff>
    </xdr:from>
    <xdr:to>
      <xdr:col>24</xdr:col>
      <xdr:colOff>152400</xdr:colOff>
      <xdr:row>91</xdr:row>
      <xdr:rowOff>96822</xdr:rowOff>
    </xdr:to>
    <xdr:cxnSp macro="">
      <xdr:nvCxnSpPr>
        <xdr:cNvPr id="232" name="直線コネクタ 231"/>
        <xdr:cNvCxnSpPr/>
      </xdr:nvCxnSpPr>
      <xdr:spPr>
        <a:xfrm>
          <a:off x="4546600" y="15698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37531</xdr:rowOff>
    </xdr:from>
    <xdr:to>
      <xdr:col>24</xdr:col>
      <xdr:colOff>63500</xdr:colOff>
      <xdr:row>98</xdr:row>
      <xdr:rowOff>54829</xdr:rowOff>
    </xdr:to>
    <xdr:cxnSp macro="">
      <xdr:nvCxnSpPr>
        <xdr:cNvPr id="233" name="直線コネクタ 232"/>
        <xdr:cNvCxnSpPr/>
      </xdr:nvCxnSpPr>
      <xdr:spPr>
        <a:xfrm flipV="1">
          <a:off x="3797300" y="16839631"/>
          <a:ext cx="838200" cy="17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28041</xdr:rowOff>
    </xdr:from>
    <xdr:ext cx="534377" cy="259045"/>
    <xdr:sp macro="" textlink="">
      <xdr:nvSpPr>
        <xdr:cNvPr id="234" name="衛生費平均値テキスト"/>
        <xdr:cNvSpPr txBox="1"/>
      </xdr:nvSpPr>
      <xdr:spPr>
        <a:xfrm>
          <a:off x="4686300" y="164872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64</xdr:rowOff>
    </xdr:from>
    <xdr:to>
      <xdr:col>24</xdr:col>
      <xdr:colOff>114300</xdr:colOff>
      <xdr:row>97</xdr:row>
      <xdr:rowOff>106764</xdr:rowOff>
    </xdr:to>
    <xdr:sp macro="" textlink="">
      <xdr:nvSpPr>
        <xdr:cNvPr id="235" name="フローチャート: 判断 234"/>
        <xdr:cNvSpPr/>
      </xdr:nvSpPr>
      <xdr:spPr>
        <a:xfrm>
          <a:off x="4584700" y="166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38636</xdr:rowOff>
    </xdr:from>
    <xdr:to>
      <xdr:col>19</xdr:col>
      <xdr:colOff>177800</xdr:colOff>
      <xdr:row>98</xdr:row>
      <xdr:rowOff>54829</xdr:rowOff>
    </xdr:to>
    <xdr:cxnSp macro="">
      <xdr:nvCxnSpPr>
        <xdr:cNvPr id="236" name="直線コネクタ 235"/>
        <xdr:cNvCxnSpPr/>
      </xdr:nvCxnSpPr>
      <xdr:spPr>
        <a:xfrm>
          <a:off x="2908300" y="16840736"/>
          <a:ext cx="889000" cy="16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44841</xdr:rowOff>
    </xdr:from>
    <xdr:to>
      <xdr:col>20</xdr:col>
      <xdr:colOff>38100</xdr:colOff>
      <xdr:row>97</xdr:row>
      <xdr:rowOff>146441</xdr:rowOff>
    </xdr:to>
    <xdr:sp macro="" textlink="">
      <xdr:nvSpPr>
        <xdr:cNvPr id="237" name="フローチャート: 判断 236"/>
        <xdr:cNvSpPr/>
      </xdr:nvSpPr>
      <xdr:spPr>
        <a:xfrm>
          <a:off x="3746500" y="16675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62968</xdr:rowOff>
    </xdr:from>
    <xdr:ext cx="534377" cy="259045"/>
    <xdr:sp macro="" textlink="">
      <xdr:nvSpPr>
        <xdr:cNvPr id="238" name="テキスト ボックス 237"/>
        <xdr:cNvSpPr txBox="1"/>
      </xdr:nvSpPr>
      <xdr:spPr>
        <a:xfrm>
          <a:off x="3530111" y="16450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6827</xdr:rowOff>
    </xdr:from>
    <xdr:to>
      <xdr:col>15</xdr:col>
      <xdr:colOff>50800</xdr:colOff>
      <xdr:row>98</xdr:row>
      <xdr:rowOff>38636</xdr:rowOff>
    </xdr:to>
    <xdr:cxnSp macro="">
      <xdr:nvCxnSpPr>
        <xdr:cNvPr id="239" name="直線コネクタ 238"/>
        <xdr:cNvCxnSpPr/>
      </xdr:nvCxnSpPr>
      <xdr:spPr>
        <a:xfrm>
          <a:off x="2019300" y="16818927"/>
          <a:ext cx="889000" cy="21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47789</xdr:rowOff>
    </xdr:from>
    <xdr:to>
      <xdr:col>15</xdr:col>
      <xdr:colOff>101600</xdr:colOff>
      <xdr:row>97</xdr:row>
      <xdr:rowOff>149389</xdr:rowOff>
    </xdr:to>
    <xdr:sp macro="" textlink="">
      <xdr:nvSpPr>
        <xdr:cNvPr id="240" name="フローチャート: 判断 239"/>
        <xdr:cNvSpPr/>
      </xdr:nvSpPr>
      <xdr:spPr>
        <a:xfrm>
          <a:off x="2857500" y="1667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65916</xdr:rowOff>
    </xdr:from>
    <xdr:ext cx="534377" cy="259045"/>
    <xdr:sp macro="" textlink="">
      <xdr:nvSpPr>
        <xdr:cNvPr id="241" name="テキスト ボックス 240"/>
        <xdr:cNvSpPr txBox="1"/>
      </xdr:nvSpPr>
      <xdr:spPr>
        <a:xfrm>
          <a:off x="2641111" y="16453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5054</xdr:rowOff>
    </xdr:from>
    <xdr:to>
      <xdr:col>10</xdr:col>
      <xdr:colOff>114300</xdr:colOff>
      <xdr:row>98</xdr:row>
      <xdr:rowOff>16827</xdr:rowOff>
    </xdr:to>
    <xdr:cxnSp macro="">
      <xdr:nvCxnSpPr>
        <xdr:cNvPr id="242" name="直線コネクタ 241"/>
        <xdr:cNvCxnSpPr/>
      </xdr:nvCxnSpPr>
      <xdr:spPr>
        <a:xfrm>
          <a:off x="1130300" y="16807154"/>
          <a:ext cx="889000" cy="11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65239</xdr:rowOff>
    </xdr:from>
    <xdr:to>
      <xdr:col>10</xdr:col>
      <xdr:colOff>165100</xdr:colOff>
      <xdr:row>97</xdr:row>
      <xdr:rowOff>166839</xdr:rowOff>
    </xdr:to>
    <xdr:sp macro="" textlink="">
      <xdr:nvSpPr>
        <xdr:cNvPr id="243" name="フローチャート: 判断 242"/>
        <xdr:cNvSpPr/>
      </xdr:nvSpPr>
      <xdr:spPr>
        <a:xfrm>
          <a:off x="1968500" y="1669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1916</xdr:rowOff>
    </xdr:from>
    <xdr:ext cx="534377" cy="259045"/>
    <xdr:sp macro="" textlink="">
      <xdr:nvSpPr>
        <xdr:cNvPr id="244" name="テキスト ボックス 243"/>
        <xdr:cNvSpPr txBox="1"/>
      </xdr:nvSpPr>
      <xdr:spPr>
        <a:xfrm>
          <a:off x="1752111" y="16471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62923</xdr:rowOff>
    </xdr:from>
    <xdr:to>
      <xdr:col>6</xdr:col>
      <xdr:colOff>38100</xdr:colOff>
      <xdr:row>97</xdr:row>
      <xdr:rowOff>164523</xdr:rowOff>
    </xdr:to>
    <xdr:sp macro="" textlink="">
      <xdr:nvSpPr>
        <xdr:cNvPr id="245" name="フローチャート: 判断 244"/>
        <xdr:cNvSpPr/>
      </xdr:nvSpPr>
      <xdr:spPr>
        <a:xfrm>
          <a:off x="1079500" y="16693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9600</xdr:rowOff>
    </xdr:from>
    <xdr:ext cx="534377" cy="259045"/>
    <xdr:sp macro="" textlink="">
      <xdr:nvSpPr>
        <xdr:cNvPr id="246" name="テキスト ボックス 245"/>
        <xdr:cNvSpPr txBox="1"/>
      </xdr:nvSpPr>
      <xdr:spPr>
        <a:xfrm>
          <a:off x="863111" y="16468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58181</xdr:rowOff>
    </xdr:from>
    <xdr:to>
      <xdr:col>24</xdr:col>
      <xdr:colOff>114300</xdr:colOff>
      <xdr:row>98</xdr:row>
      <xdr:rowOff>88331</xdr:rowOff>
    </xdr:to>
    <xdr:sp macro="" textlink="">
      <xdr:nvSpPr>
        <xdr:cNvPr id="252" name="楕円 251"/>
        <xdr:cNvSpPr/>
      </xdr:nvSpPr>
      <xdr:spPr>
        <a:xfrm>
          <a:off x="4584700" y="16788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73108</xdr:rowOff>
    </xdr:from>
    <xdr:ext cx="534377" cy="259045"/>
    <xdr:sp macro="" textlink="">
      <xdr:nvSpPr>
        <xdr:cNvPr id="253" name="衛生費該当値テキスト"/>
        <xdr:cNvSpPr txBox="1"/>
      </xdr:nvSpPr>
      <xdr:spPr>
        <a:xfrm>
          <a:off x="4686300" y="16703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4029</xdr:rowOff>
    </xdr:from>
    <xdr:to>
      <xdr:col>20</xdr:col>
      <xdr:colOff>38100</xdr:colOff>
      <xdr:row>98</xdr:row>
      <xdr:rowOff>105629</xdr:rowOff>
    </xdr:to>
    <xdr:sp macro="" textlink="">
      <xdr:nvSpPr>
        <xdr:cNvPr id="254" name="楕円 253"/>
        <xdr:cNvSpPr/>
      </xdr:nvSpPr>
      <xdr:spPr>
        <a:xfrm>
          <a:off x="3746500" y="16806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6756</xdr:rowOff>
    </xdr:from>
    <xdr:ext cx="534377" cy="259045"/>
    <xdr:sp macro="" textlink="">
      <xdr:nvSpPr>
        <xdr:cNvPr id="255" name="テキスト ボックス 254"/>
        <xdr:cNvSpPr txBox="1"/>
      </xdr:nvSpPr>
      <xdr:spPr>
        <a:xfrm>
          <a:off x="3530111" y="16898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59286</xdr:rowOff>
    </xdr:from>
    <xdr:to>
      <xdr:col>15</xdr:col>
      <xdr:colOff>101600</xdr:colOff>
      <xdr:row>98</xdr:row>
      <xdr:rowOff>89436</xdr:rowOff>
    </xdr:to>
    <xdr:sp macro="" textlink="">
      <xdr:nvSpPr>
        <xdr:cNvPr id="256" name="楕円 255"/>
        <xdr:cNvSpPr/>
      </xdr:nvSpPr>
      <xdr:spPr>
        <a:xfrm>
          <a:off x="2857500" y="16789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80563</xdr:rowOff>
    </xdr:from>
    <xdr:ext cx="534377" cy="259045"/>
    <xdr:sp macro="" textlink="">
      <xdr:nvSpPr>
        <xdr:cNvPr id="257" name="テキスト ボックス 256"/>
        <xdr:cNvSpPr txBox="1"/>
      </xdr:nvSpPr>
      <xdr:spPr>
        <a:xfrm>
          <a:off x="2641111" y="16882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7477</xdr:rowOff>
    </xdr:from>
    <xdr:to>
      <xdr:col>10</xdr:col>
      <xdr:colOff>165100</xdr:colOff>
      <xdr:row>98</xdr:row>
      <xdr:rowOff>67627</xdr:rowOff>
    </xdr:to>
    <xdr:sp macro="" textlink="">
      <xdr:nvSpPr>
        <xdr:cNvPr id="258" name="楕円 257"/>
        <xdr:cNvSpPr/>
      </xdr:nvSpPr>
      <xdr:spPr>
        <a:xfrm>
          <a:off x="1968500" y="16768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8754</xdr:rowOff>
    </xdr:from>
    <xdr:ext cx="534377" cy="259045"/>
    <xdr:sp macro="" textlink="">
      <xdr:nvSpPr>
        <xdr:cNvPr id="259" name="テキスト ボックス 258"/>
        <xdr:cNvSpPr txBox="1"/>
      </xdr:nvSpPr>
      <xdr:spPr>
        <a:xfrm>
          <a:off x="1752111" y="16860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5704</xdr:rowOff>
    </xdr:from>
    <xdr:to>
      <xdr:col>6</xdr:col>
      <xdr:colOff>38100</xdr:colOff>
      <xdr:row>98</xdr:row>
      <xdr:rowOff>55854</xdr:rowOff>
    </xdr:to>
    <xdr:sp macro="" textlink="">
      <xdr:nvSpPr>
        <xdr:cNvPr id="260" name="楕円 259"/>
        <xdr:cNvSpPr/>
      </xdr:nvSpPr>
      <xdr:spPr>
        <a:xfrm>
          <a:off x="1079500" y="16756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6981</xdr:rowOff>
    </xdr:from>
    <xdr:ext cx="534377" cy="259045"/>
    <xdr:sp macro="" textlink="">
      <xdr:nvSpPr>
        <xdr:cNvPr id="261" name="テキスト ボックス 260"/>
        <xdr:cNvSpPr txBox="1"/>
      </xdr:nvSpPr>
      <xdr:spPr>
        <a:xfrm>
          <a:off x="863111" y="16849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25400</xdr:rowOff>
    </xdr:from>
    <xdr:to>
      <xdr:col>59</xdr:col>
      <xdr:colOff>50800</xdr:colOff>
      <xdr:row>38</xdr:row>
      <xdr:rowOff>25400</xdr:rowOff>
    </xdr:to>
    <xdr:cxnSp macro="">
      <xdr:nvCxnSpPr>
        <xdr:cNvPr id="272" name="直線コネクタ 271"/>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54627</xdr:rowOff>
    </xdr:from>
    <xdr:ext cx="248786" cy="259045"/>
    <xdr:sp macro="" textlink="">
      <xdr:nvSpPr>
        <xdr:cNvPr id="273" name="テキスト ボックス 272"/>
        <xdr:cNvSpPr txBox="1"/>
      </xdr:nvSpPr>
      <xdr:spPr>
        <a:xfrm>
          <a:off x="6355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5" name="テキスト ボックス 274"/>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76" name="直線コネクタ 275"/>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111777</xdr:rowOff>
    </xdr:from>
    <xdr:ext cx="531299" cy="259045"/>
    <xdr:sp macro="" textlink="">
      <xdr:nvSpPr>
        <xdr:cNvPr id="277" name="テキスト ボックス 276"/>
        <xdr:cNvSpPr txBox="1"/>
      </xdr:nvSpPr>
      <xdr:spPr>
        <a:xfrm>
          <a:off x="6072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9" name="テキスト ボックス 278"/>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4776</xdr:rowOff>
    </xdr:from>
    <xdr:to>
      <xdr:col>54</xdr:col>
      <xdr:colOff>189865</xdr:colOff>
      <xdr:row>38</xdr:row>
      <xdr:rowOff>25400</xdr:rowOff>
    </xdr:to>
    <xdr:cxnSp macro="">
      <xdr:nvCxnSpPr>
        <xdr:cNvPr id="281" name="直線コネクタ 280"/>
        <xdr:cNvCxnSpPr/>
      </xdr:nvCxnSpPr>
      <xdr:spPr>
        <a:xfrm flipV="1">
          <a:off x="10475595" y="5379726"/>
          <a:ext cx="1270" cy="1160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29227</xdr:rowOff>
    </xdr:from>
    <xdr:ext cx="249299" cy="259045"/>
    <xdr:sp macro="" textlink="">
      <xdr:nvSpPr>
        <xdr:cNvPr id="282" name="労働費最小値テキスト"/>
        <xdr:cNvSpPr txBox="1"/>
      </xdr:nvSpPr>
      <xdr:spPr>
        <a:xfrm>
          <a:off x="10528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25400</xdr:rowOff>
    </xdr:from>
    <xdr:to>
      <xdr:col>55</xdr:col>
      <xdr:colOff>88900</xdr:colOff>
      <xdr:row>38</xdr:row>
      <xdr:rowOff>25400</xdr:rowOff>
    </xdr:to>
    <xdr:cxnSp macro="">
      <xdr:nvCxnSpPr>
        <xdr:cNvPr id="283" name="直線コネクタ 282"/>
        <xdr:cNvCxnSpPr/>
      </xdr:nvCxnSpPr>
      <xdr:spPr>
        <a:xfrm>
          <a:off x="10388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1453</xdr:rowOff>
    </xdr:from>
    <xdr:ext cx="534377" cy="259045"/>
    <xdr:sp macro="" textlink="">
      <xdr:nvSpPr>
        <xdr:cNvPr id="284" name="労働費最大値テキスト"/>
        <xdr:cNvSpPr txBox="1"/>
      </xdr:nvSpPr>
      <xdr:spPr>
        <a:xfrm>
          <a:off x="10528300" y="5154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31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64776</xdr:rowOff>
    </xdr:from>
    <xdr:to>
      <xdr:col>55</xdr:col>
      <xdr:colOff>88900</xdr:colOff>
      <xdr:row>31</xdr:row>
      <xdr:rowOff>64776</xdr:rowOff>
    </xdr:to>
    <xdr:cxnSp macro="">
      <xdr:nvCxnSpPr>
        <xdr:cNvPr id="285" name="直線コネクタ 284"/>
        <xdr:cNvCxnSpPr/>
      </xdr:nvCxnSpPr>
      <xdr:spPr>
        <a:xfrm>
          <a:off x="10388600" y="5379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68561</xdr:rowOff>
    </xdr:from>
    <xdr:to>
      <xdr:col>55</xdr:col>
      <xdr:colOff>0</xdr:colOff>
      <xdr:row>37</xdr:row>
      <xdr:rowOff>169075</xdr:rowOff>
    </xdr:to>
    <xdr:cxnSp macro="">
      <xdr:nvCxnSpPr>
        <xdr:cNvPr id="286" name="直線コネクタ 285"/>
        <xdr:cNvCxnSpPr/>
      </xdr:nvCxnSpPr>
      <xdr:spPr>
        <a:xfrm>
          <a:off x="9639300" y="6512211"/>
          <a:ext cx="838200" cy="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98289</xdr:rowOff>
    </xdr:from>
    <xdr:ext cx="469744" cy="259045"/>
    <xdr:sp macro="" textlink="">
      <xdr:nvSpPr>
        <xdr:cNvPr id="287" name="労働費平均値テキスト"/>
        <xdr:cNvSpPr txBox="1"/>
      </xdr:nvSpPr>
      <xdr:spPr>
        <a:xfrm>
          <a:off x="10528300" y="62704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5412</xdr:rowOff>
    </xdr:from>
    <xdr:to>
      <xdr:col>55</xdr:col>
      <xdr:colOff>50800</xdr:colOff>
      <xdr:row>38</xdr:row>
      <xdr:rowOff>5562</xdr:rowOff>
    </xdr:to>
    <xdr:sp macro="" textlink="">
      <xdr:nvSpPr>
        <xdr:cNvPr id="288" name="フローチャート: 判断 287"/>
        <xdr:cNvSpPr/>
      </xdr:nvSpPr>
      <xdr:spPr>
        <a:xfrm>
          <a:off x="10426700" y="6419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67989</xdr:rowOff>
    </xdr:from>
    <xdr:to>
      <xdr:col>50</xdr:col>
      <xdr:colOff>114300</xdr:colOff>
      <xdr:row>37</xdr:row>
      <xdr:rowOff>168561</xdr:rowOff>
    </xdr:to>
    <xdr:cxnSp macro="">
      <xdr:nvCxnSpPr>
        <xdr:cNvPr id="289" name="直線コネクタ 288"/>
        <xdr:cNvCxnSpPr/>
      </xdr:nvCxnSpPr>
      <xdr:spPr>
        <a:xfrm>
          <a:off x="8750300" y="6511639"/>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8097</xdr:rowOff>
    </xdr:from>
    <xdr:to>
      <xdr:col>50</xdr:col>
      <xdr:colOff>165100</xdr:colOff>
      <xdr:row>37</xdr:row>
      <xdr:rowOff>169697</xdr:rowOff>
    </xdr:to>
    <xdr:sp macro="" textlink="">
      <xdr:nvSpPr>
        <xdr:cNvPr id="290" name="フローチャート: 判断 289"/>
        <xdr:cNvSpPr/>
      </xdr:nvSpPr>
      <xdr:spPr>
        <a:xfrm>
          <a:off x="9588500" y="6411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6</xdr:row>
      <xdr:rowOff>14774</xdr:rowOff>
    </xdr:from>
    <xdr:ext cx="469744" cy="259045"/>
    <xdr:sp macro="" textlink="">
      <xdr:nvSpPr>
        <xdr:cNvPr id="291" name="テキスト ボックス 290"/>
        <xdr:cNvSpPr txBox="1"/>
      </xdr:nvSpPr>
      <xdr:spPr>
        <a:xfrm>
          <a:off x="9404428" y="6186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67989</xdr:rowOff>
    </xdr:from>
    <xdr:to>
      <xdr:col>45</xdr:col>
      <xdr:colOff>177800</xdr:colOff>
      <xdr:row>37</xdr:row>
      <xdr:rowOff>168389</xdr:rowOff>
    </xdr:to>
    <xdr:cxnSp macro="">
      <xdr:nvCxnSpPr>
        <xdr:cNvPr id="292" name="直線コネクタ 291"/>
        <xdr:cNvCxnSpPr/>
      </xdr:nvCxnSpPr>
      <xdr:spPr>
        <a:xfrm flipV="1">
          <a:off x="7861300" y="6511639"/>
          <a:ext cx="889000" cy="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3811</xdr:rowOff>
    </xdr:from>
    <xdr:to>
      <xdr:col>46</xdr:col>
      <xdr:colOff>38100</xdr:colOff>
      <xdr:row>37</xdr:row>
      <xdr:rowOff>165412</xdr:rowOff>
    </xdr:to>
    <xdr:sp macro="" textlink="">
      <xdr:nvSpPr>
        <xdr:cNvPr id="293" name="フローチャート: 判断 292"/>
        <xdr:cNvSpPr/>
      </xdr:nvSpPr>
      <xdr:spPr>
        <a:xfrm>
          <a:off x="8699500" y="640746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6</xdr:row>
      <xdr:rowOff>10488</xdr:rowOff>
    </xdr:from>
    <xdr:ext cx="469744" cy="259045"/>
    <xdr:sp macro="" textlink="">
      <xdr:nvSpPr>
        <xdr:cNvPr id="294" name="テキスト ボックス 293"/>
        <xdr:cNvSpPr txBox="1"/>
      </xdr:nvSpPr>
      <xdr:spPr>
        <a:xfrm>
          <a:off x="8515428" y="6182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2441</xdr:rowOff>
    </xdr:from>
    <xdr:to>
      <xdr:col>41</xdr:col>
      <xdr:colOff>50800</xdr:colOff>
      <xdr:row>37</xdr:row>
      <xdr:rowOff>168389</xdr:rowOff>
    </xdr:to>
    <xdr:cxnSp macro="">
      <xdr:nvCxnSpPr>
        <xdr:cNvPr id="295" name="直線コネクタ 294"/>
        <xdr:cNvCxnSpPr/>
      </xdr:nvCxnSpPr>
      <xdr:spPr>
        <a:xfrm>
          <a:off x="6972300" y="6466091"/>
          <a:ext cx="889000" cy="45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611</xdr:rowOff>
    </xdr:from>
    <xdr:to>
      <xdr:col>41</xdr:col>
      <xdr:colOff>101600</xdr:colOff>
      <xdr:row>37</xdr:row>
      <xdr:rowOff>164211</xdr:rowOff>
    </xdr:to>
    <xdr:sp macro="" textlink="">
      <xdr:nvSpPr>
        <xdr:cNvPr id="296" name="フローチャート: 判断 295"/>
        <xdr:cNvSpPr/>
      </xdr:nvSpPr>
      <xdr:spPr>
        <a:xfrm>
          <a:off x="7810500" y="640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6</xdr:row>
      <xdr:rowOff>9288</xdr:rowOff>
    </xdr:from>
    <xdr:ext cx="469744" cy="259045"/>
    <xdr:sp macro="" textlink="">
      <xdr:nvSpPr>
        <xdr:cNvPr id="297" name="テキスト ボックス 296"/>
        <xdr:cNvSpPr txBox="1"/>
      </xdr:nvSpPr>
      <xdr:spPr>
        <a:xfrm>
          <a:off x="7626428" y="6181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5296</xdr:rowOff>
    </xdr:from>
    <xdr:to>
      <xdr:col>36</xdr:col>
      <xdr:colOff>165100</xdr:colOff>
      <xdr:row>37</xdr:row>
      <xdr:rowOff>156896</xdr:rowOff>
    </xdr:to>
    <xdr:sp macro="" textlink="">
      <xdr:nvSpPr>
        <xdr:cNvPr id="298" name="フローチャート: 判断 297"/>
        <xdr:cNvSpPr/>
      </xdr:nvSpPr>
      <xdr:spPr>
        <a:xfrm>
          <a:off x="6921500" y="6398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1973</xdr:rowOff>
    </xdr:from>
    <xdr:ext cx="469744" cy="259045"/>
    <xdr:sp macro="" textlink="">
      <xdr:nvSpPr>
        <xdr:cNvPr id="299" name="テキスト ボックス 298"/>
        <xdr:cNvSpPr txBox="1"/>
      </xdr:nvSpPr>
      <xdr:spPr>
        <a:xfrm>
          <a:off x="6737428" y="6174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275</xdr:rowOff>
    </xdr:from>
    <xdr:to>
      <xdr:col>55</xdr:col>
      <xdr:colOff>50800</xdr:colOff>
      <xdr:row>38</xdr:row>
      <xdr:rowOff>48425</xdr:rowOff>
    </xdr:to>
    <xdr:sp macro="" textlink="">
      <xdr:nvSpPr>
        <xdr:cNvPr id="305" name="楕円 304"/>
        <xdr:cNvSpPr/>
      </xdr:nvSpPr>
      <xdr:spPr>
        <a:xfrm>
          <a:off x="10426700" y="646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3840</xdr:rowOff>
    </xdr:from>
    <xdr:ext cx="378565" cy="259045"/>
    <xdr:sp macro="" textlink="">
      <xdr:nvSpPr>
        <xdr:cNvPr id="306" name="労働費該当値テキスト"/>
        <xdr:cNvSpPr txBox="1"/>
      </xdr:nvSpPr>
      <xdr:spPr>
        <a:xfrm>
          <a:off x="10528300" y="63974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17761</xdr:rowOff>
    </xdr:from>
    <xdr:to>
      <xdr:col>50</xdr:col>
      <xdr:colOff>165100</xdr:colOff>
      <xdr:row>38</xdr:row>
      <xdr:rowOff>47910</xdr:rowOff>
    </xdr:to>
    <xdr:sp macro="" textlink="">
      <xdr:nvSpPr>
        <xdr:cNvPr id="307" name="楕円 306"/>
        <xdr:cNvSpPr/>
      </xdr:nvSpPr>
      <xdr:spPr>
        <a:xfrm>
          <a:off x="9588500" y="6461411"/>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9038</xdr:rowOff>
    </xdr:from>
    <xdr:ext cx="378565" cy="259045"/>
    <xdr:sp macro="" textlink="">
      <xdr:nvSpPr>
        <xdr:cNvPr id="308" name="テキスト ボックス 307"/>
        <xdr:cNvSpPr txBox="1"/>
      </xdr:nvSpPr>
      <xdr:spPr>
        <a:xfrm>
          <a:off x="9450017" y="65541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7189</xdr:rowOff>
    </xdr:from>
    <xdr:to>
      <xdr:col>46</xdr:col>
      <xdr:colOff>38100</xdr:colOff>
      <xdr:row>38</xdr:row>
      <xdr:rowOff>47340</xdr:rowOff>
    </xdr:to>
    <xdr:sp macro="" textlink="">
      <xdr:nvSpPr>
        <xdr:cNvPr id="309" name="楕円 308"/>
        <xdr:cNvSpPr/>
      </xdr:nvSpPr>
      <xdr:spPr>
        <a:xfrm>
          <a:off x="8699500" y="646083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38466</xdr:rowOff>
    </xdr:from>
    <xdr:ext cx="378565" cy="259045"/>
    <xdr:sp macro="" textlink="">
      <xdr:nvSpPr>
        <xdr:cNvPr id="310" name="テキスト ボックス 309"/>
        <xdr:cNvSpPr txBox="1"/>
      </xdr:nvSpPr>
      <xdr:spPr>
        <a:xfrm>
          <a:off x="8561017" y="65535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7589</xdr:rowOff>
    </xdr:from>
    <xdr:to>
      <xdr:col>41</xdr:col>
      <xdr:colOff>101600</xdr:colOff>
      <xdr:row>38</xdr:row>
      <xdr:rowOff>47740</xdr:rowOff>
    </xdr:to>
    <xdr:sp macro="" textlink="">
      <xdr:nvSpPr>
        <xdr:cNvPr id="311" name="楕円 310"/>
        <xdr:cNvSpPr/>
      </xdr:nvSpPr>
      <xdr:spPr>
        <a:xfrm>
          <a:off x="7810500" y="646123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38866</xdr:rowOff>
    </xdr:from>
    <xdr:ext cx="378565" cy="259045"/>
    <xdr:sp macro="" textlink="">
      <xdr:nvSpPr>
        <xdr:cNvPr id="312" name="テキスト ボックス 311"/>
        <xdr:cNvSpPr txBox="1"/>
      </xdr:nvSpPr>
      <xdr:spPr>
        <a:xfrm>
          <a:off x="7672017" y="65539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1641</xdr:rowOff>
    </xdr:from>
    <xdr:to>
      <xdr:col>36</xdr:col>
      <xdr:colOff>165100</xdr:colOff>
      <xdr:row>38</xdr:row>
      <xdr:rowOff>1791</xdr:rowOff>
    </xdr:to>
    <xdr:sp macro="" textlink="">
      <xdr:nvSpPr>
        <xdr:cNvPr id="313" name="楕円 312"/>
        <xdr:cNvSpPr/>
      </xdr:nvSpPr>
      <xdr:spPr>
        <a:xfrm>
          <a:off x="6921500" y="6415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64368</xdr:rowOff>
    </xdr:from>
    <xdr:ext cx="469744" cy="259045"/>
    <xdr:sp macro="" textlink="">
      <xdr:nvSpPr>
        <xdr:cNvPr id="314" name="テキスト ボックス 313"/>
        <xdr:cNvSpPr txBox="1"/>
      </xdr:nvSpPr>
      <xdr:spPr>
        <a:xfrm>
          <a:off x="6737428" y="6508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5" name="直線コネクタ 324"/>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6" name="テキスト ボックス 325"/>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7" name="直線コネクタ 326"/>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28" name="テキスト ボックス 327"/>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9" name="直線コネクタ 328"/>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0" name="テキスト ボックス 329"/>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1" name="直線コネクタ 330"/>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2" name="テキスト ボックス 331"/>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3" name="直線コネクタ 33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4" name="テキスト ボックス 333"/>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5"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10677</xdr:rowOff>
    </xdr:from>
    <xdr:to>
      <xdr:col>54</xdr:col>
      <xdr:colOff>189865</xdr:colOff>
      <xdr:row>58</xdr:row>
      <xdr:rowOff>134826</xdr:rowOff>
    </xdr:to>
    <xdr:cxnSp macro="">
      <xdr:nvCxnSpPr>
        <xdr:cNvPr id="336" name="直線コネクタ 335"/>
        <xdr:cNvCxnSpPr/>
      </xdr:nvCxnSpPr>
      <xdr:spPr>
        <a:xfrm flipV="1">
          <a:off x="10475595" y="8683177"/>
          <a:ext cx="1270" cy="13957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8653</xdr:rowOff>
    </xdr:from>
    <xdr:ext cx="378565" cy="259045"/>
    <xdr:sp macro="" textlink="">
      <xdr:nvSpPr>
        <xdr:cNvPr id="337" name="農林水産業費最小値テキスト"/>
        <xdr:cNvSpPr txBox="1"/>
      </xdr:nvSpPr>
      <xdr:spPr>
        <a:xfrm>
          <a:off x="10528300" y="10082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4826</xdr:rowOff>
    </xdr:from>
    <xdr:to>
      <xdr:col>55</xdr:col>
      <xdr:colOff>88900</xdr:colOff>
      <xdr:row>58</xdr:row>
      <xdr:rowOff>134826</xdr:rowOff>
    </xdr:to>
    <xdr:cxnSp macro="">
      <xdr:nvCxnSpPr>
        <xdr:cNvPr id="338" name="直線コネクタ 337"/>
        <xdr:cNvCxnSpPr/>
      </xdr:nvCxnSpPr>
      <xdr:spPr>
        <a:xfrm>
          <a:off x="10388600" y="10078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57354</xdr:rowOff>
    </xdr:from>
    <xdr:ext cx="599010" cy="259045"/>
    <xdr:sp macro="" textlink="">
      <xdr:nvSpPr>
        <xdr:cNvPr id="339" name="農林水産業費最大値テキスト"/>
        <xdr:cNvSpPr txBox="1"/>
      </xdr:nvSpPr>
      <xdr:spPr>
        <a:xfrm>
          <a:off x="10528300" y="84584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3,17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10677</xdr:rowOff>
    </xdr:from>
    <xdr:to>
      <xdr:col>55</xdr:col>
      <xdr:colOff>88900</xdr:colOff>
      <xdr:row>50</xdr:row>
      <xdr:rowOff>110677</xdr:rowOff>
    </xdr:to>
    <xdr:cxnSp macro="">
      <xdr:nvCxnSpPr>
        <xdr:cNvPr id="340" name="直線コネクタ 339"/>
        <xdr:cNvCxnSpPr/>
      </xdr:nvCxnSpPr>
      <xdr:spPr>
        <a:xfrm>
          <a:off x="10388600" y="8683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00262</xdr:rowOff>
    </xdr:from>
    <xdr:to>
      <xdr:col>55</xdr:col>
      <xdr:colOff>0</xdr:colOff>
      <xdr:row>58</xdr:row>
      <xdr:rowOff>113933</xdr:rowOff>
    </xdr:to>
    <xdr:cxnSp macro="">
      <xdr:nvCxnSpPr>
        <xdr:cNvPr id="341" name="直線コネクタ 340"/>
        <xdr:cNvCxnSpPr/>
      </xdr:nvCxnSpPr>
      <xdr:spPr>
        <a:xfrm flipV="1">
          <a:off x="9639300" y="10044362"/>
          <a:ext cx="838200" cy="13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952</xdr:rowOff>
    </xdr:from>
    <xdr:ext cx="534377" cy="259045"/>
    <xdr:sp macro="" textlink="">
      <xdr:nvSpPr>
        <xdr:cNvPr id="342" name="農林水産業費平均値テキスト"/>
        <xdr:cNvSpPr txBox="1"/>
      </xdr:nvSpPr>
      <xdr:spPr>
        <a:xfrm>
          <a:off x="10528300" y="97681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4075</xdr:rowOff>
    </xdr:from>
    <xdr:to>
      <xdr:col>55</xdr:col>
      <xdr:colOff>50800</xdr:colOff>
      <xdr:row>58</xdr:row>
      <xdr:rowOff>74225</xdr:rowOff>
    </xdr:to>
    <xdr:sp macro="" textlink="">
      <xdr:nvSpPr>
        <xdr:cNvPr id="343" name="フローチャート: 判断 342"/>
        <xdr:cNvSpPr/>
      </xdr:nvSpPr>
      <xdr:spPr>
        <a:xfrm>
          <a:off x="10426700" y="9916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3933</xdr:rowOff>
    </xdr:from>
    <xdr:to>
      <xdr:col>50</xdr:col>
      <xdr:colOff>114300</xdr:colOff>
      <xdr:row>58</xdr:row>
      <xdr:rowOff>121293</xdr:rowOff>
    </xdr:to>
    <xdr:cxnSp macro="">
      <xdr:nvCxnSpPr>
        <xdr:cNvPr id="344" name="直線コネクタ 343"/>
        <xdr:cNvCxnSpPr/>
      </xdr:nvCxnSpPr>
      <xdr:spPr>
        <a:xfrm flipV="1">
          <a:off x="8750300" y="10058033"/>
          <a:ext cx="889000" cy="7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36339</xdr:rowOff>
    </xdr:from>
    <xdr:to>
      <xdr:col>50</xdr:col>
      <xdr:colOff>165100</xdr:colOff>
      <xdr:row>58</xdr:row>
      <xdr:rowOff>66489</xdr:rowOff>
    </xdr:to>
    <xdr:sp macro="" textlink="">
      <xdr:nvSpPr>
        <xdr:cNvPr id="345" name="フローチャート: 判断 344"/>
        <xdr:cNvSpPr/>
      </xdr:nvSpPr>
      <xdr:spPr>
        <a:xfrm>
          <a:off x="9588500" y="9908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3016</xdr:rowOff>
    </xdr:from>
    <xdr:ext cx="534377" cy="259045"/>
    <xdr:sp macro="" textlink="">
      <xdr:nvSpPr>
        <xdr:cNvPr id="346" name="テキスト ボックス 345"/>
        <xdr:cNvSpPr txBox="1"/>
      </xdr:nvSpPr>
      <xdr:spPr>
        <a:xfrm>
          <a:off x="9372111" y="9684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1293</xdr:rowOff>
    </xdr:from>
    <xdr:to>
      <xdr:col>45</xdr:col>
      <xdr:colOff>177800</xdr:colOff>
      <xdr:row>58</xdr:row>
      <xdr:rowOff>123067</xdr:rowOff>
    </xdr:to>
    <xdr:cxnSp macro="">
      <xdr:nvCxnSpPr>
        <xdr:cNvPr id="347" name="直線コネクタ 346"/>
        <xdr:cNvCxnSpPr/>
      </xdr:nvCxnSpPr>
      <xdr:spPr>
        <a:xfrm flipV="1">
          <a:off x="7861300" y="10065393"/>
          <a:ext cx="889000" cy="1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43463</xdr:rowOff>
    </xdr:from>
    <xdr:to>
      <xdr:col>46</xdr:col>
      <xdr:colOff>38100</xdr:colOff>
      <xdr:row>58</xdr:row>
      <xdr:rowOff>73613</xdr:rowOff>
    </xdr:to>
    <xdr:sp macro="" textlink="">
      <xdr:nvSpPr>
        <xdr:cNvPr id="348" name="フローチャート: 判断 347"/>
        <xdr:cNvSpPr/>
      </xdr:nvSpPr>
      <xdr:spPr>
        <a:xfrm>
          <a:off x="8699500" y="9916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90140</xdr:rowOff>
    </xdr:from>
    <xdr:ext cx="534377" cy="259045"/>
    <xdr:sp macro="" textlink="">
      <xdr:nvSpPr>
        <xdr:cNvPr id="349" name="テキスト ボックス 348"/>
        <xdr:cNvSpPr txBox="1"/>
      </xdr:nvSpPr>
      <xdr:spPr>
        <a:xfrm>
          <a:off x="8483111" y="9691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3067</xdr:rowOff>
    </xdr:from>
    <xdr:to>
      <xdr:col>41</xdr:col>
      <xdr:colOff>50800</xdr:colOff>
      <xdr:row>58</xdr:row>
      <xdr:rowOff>124905</xdr:rowOff>
    </xdr:to>
    <xdr:cxnSp macro="">
      <xdr:nvCxnSpPr>
        <xdr:cNvPr id="350" name="直線コネクタ 349"/>
        <xdr:cNvCxnSpPr/>
      </xdr:nvCxnSpPr>
      <xdr:spPr>
        <a:xfrm flipV="1">
          <a:off x="6972300" y="10067167"/>
          <a:ext cx="889000" cy="1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45455</xdr:rowOff>
    </xdr:from>
    <xdr:to>
      <xdr:col>41</xdr:col>
      <xdr:colOff>101600</xdr:colOff>
      <xdr:row>58</xdr:row>
      <xdr:rowOff>75605</xdr:rowOff>
    </xdr:to>
    <xdr:sp macro="" textlink="">
      <xdr:nvSpPr>
        <xdr:cNvPr id="351" name="フローチャート: 判断 350"/>
        <xdr:cNvSpPr/>
      </xdr:nvSpPr>
      <xdr:spPr>
        <a:xfrm>
          <a:off x="7810500" y="991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92132</xdr:rowOff>
    </xdr:from>
    <xdr:ext cx="534377" cy="259045"/>
    <xdr:sp macro="" textlink="">
      <xdr:nvSpPr>
        <xdr:cNvPr id="352" name="テキスト ボックス 351"/>
        <xdr:cNvSpPr txBox="1"/>
      </xdr:nvSpPr>
      <xdr:spPr>
        <a:xfrm>
          <a:off x="7594111" y="9693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42786</xdr:rowOff>
    </xdr:from>
    <xdr:to>
      <xdr:col>36</xdr:col>
      <xdr:colOff>165100</xdr:colOff>
      <xdr:row>58</xdr:row>
      <xdr:rowOff>72936</xdr:rowOff>
    </xdr:to>
    <xdr:sp macro="" textlink="">
      <xdr:nvSpPr>
        <xdr:cNvPr id="353" name="フローチャート: 判断 352"/>
        <xdr:cNvSpPr/>
      </xdr:nvSpPr>
      <xdr:spPr>
        <a:xfrm>
          <a:off x="6921500" y="9915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89463</xdr:rowOff>
    </xdr:from>
    <xdr:ext cx="534377" cy="259045"/>
    <xdr:sp macro="" textlink="">
      <xdr:nvSpPr>
        <xdr:cNvPr id="354" name="テキスト ボックス 353"/>
        <xdr:cNvSpPr txBox="1"/>
      </xdr:nvSpPr>
      <xdr:spPr>
        <a:xfrm>
          <a:off x="6705111" y="9690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5" name="テキスト ボックス 35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6" name="テキスト ボックス 35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7" name="テキスト ボックス 35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8" name="テキスト ボックス 35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9" name="テキスト ボックス 35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9462</xdr:rowOff>
    </xdr:from>
    <xdr:to>
      <xdr:col>55</xdr:col>
      <xdr:colOff>50800</xdr:colOff>
      <xdr:row>58</xdr:row>
      <xdr:rowOff>151062</xdr:rowOff>
    </xdr:to>
    <xdr:sp macro="" textlink="">
      <xdr:nvSpPr>
        <xdr:cNvPr id="360" name="楕円 359"/>
        <xdr:cNvSpPr/>
      </xdr:nvSpPr>
      <xdr:spPr>
        <a:xfrm>
          <a:off x="10426700" y="9993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5839</xdr:rowOff>
    </xdr:from>
    <xdr:ext cx="469744" cy="259045"/>
    <xdr:sp macro="" textlink="">
      <xdr:nvSpPr>
        <xdr:cNvPr id="361" name="農林水産業費該当値テキスト"/>
        <xdr:cNvSpPr txBox="1"/>
      </xdr:nvSpPr>
      <xdr:spPr>
        <a:xfrm>
          <a:off x="10528300" y="99084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3133</xdr:rowOff>
    </xdr:from>
    <xdr:to>
      <xdr:col>50</xdr:col>
      <xdr:colOff>165100</xdr:colOff>
      <xdr:row>58</xdr:row>
      <xdr:rowOff>164733</xdr:rowOff>
    </xdr:to>
    <xdr:sp macro="" textlink="">
      <xdr:nvSpPr>
        <xdr:cNvPr id="362" name="楕円 361"/>
        <xdr:cNvSpPr/>
      </xdr:nvSpPr>
      <xdr:spPr>
        <a:xfrm>
          <a:off x="9588500" y="10007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55860</xdr:rowOff>
    </xdr:from>
    <xdr:ext cx="469744" cy="259045"/>
    <xdr:sp macro="" textlink="">
      <xdr:nvSpPr>
        <xdr:cNvPr id="363" name="テキスト ボックス 362"/>
        <xdr:cNvSpPr txBox="1"/>
      </xdr:nvSpPr>
      <xdr:spPr>
        <a:xfrm>
          <a:off x="9404428" y="10099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70493</xdr:rowOff>
    </xdr:from>
    <xdr:to>
      <xdr:col>46</xdr:col>
      <xdr:colOff>38100</xdr:colOff>
      <xdr:row>59</xdr:row>
      <xdr:rowOff>643</xdr:rowOff>
    </xdr:to>
    <xdr:sp macro="" textlink="">
      <xdr:nvSpPr>
        <xdr:cNvPr id="364" name="楕円 363"/>
        <xdr:cNvSpPr/>
      </xdr:nvSpPr>
      <xdr:spPr>
        <a:xfrm>
          <a:off x="8699500" y="10014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63220</xdr:rowOff>
    </xdr:from>
    <xdr:ext cx="469744" cy="259045"/>
    <xdr:sp macro="" textlink="">
      <xdr:nvSpPr>
        <xdr:cNvPr id="365" name="テキスト ボックス 364"/>
        <xdr:cNvSpPr txBox="1"/>
      </xdr:nvSpPr>
      <xdr:spPr>
        <a:xfrm>
          <a:off x="8515428" y="10107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2267</xdr:rowOff>
    </xdr:from>
    <xdr:to>
      <xdr:col>41</xdr:col>
      <xdr:colOff>101600</xdr:colOff>
      <xdr:row>59</xdr:row>
      <xdr:rowOff>2417</xdr:rowOff>
    </xdr:to>
    <xdr:sp macro="" textlink="">
      <xdr:nvSpPr>
        <xdr:cNvPr id="366" name="楕円 365"/>
        <xdr:cNvSpPr/>
      </xdr:nvSpPr>
      <xdr:spPr>
        <a:xfrm>
          <a:off x="7810500" y="10016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64994</xdr:rowOff>
    </xdr:from>
    <xdr:ext cx="469744" cy="259045"/>
    <xdr:sp macro="" textlink="">
      <xdr:nvSpPr>
        <xdr:cNvPr id="367" name="テキスト ボックス 366"/>
        <xdr:cNvSpPr txBox="1"/>
      </xdr:nvSpPr>
      <xdr:spPr>
        <a:xfrm>
          <a:off x="7626428" y="10109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4105</xdr:rowOff>
    </xdr:from>
    <xdr:to>
      <xdr:col>36</xdr:col>
      <xdr:colOff>165100</xdr:colOff>
      <xdr:row>59</xdr:row>
      <xdr:rowOff>4255</xdr:rowOff>
    </xdr:to>
    <xdr:sp macro="" textlink="">
      <xdr:nvSpPr>
        <xdr:cNvPr id="368" name="楕円 367"/>
        <xdr:cNvSpPr/>
      </xdr:nvSpPr>
      <xdr:spPr>
        <a:xfrm>
          <a:off x="6921500" y="10018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66832</xdr:rowOff>
    </xdr:from>
    <xdr:ext cx="469744" cy="259045"/>
    <xdr:sp macro="" textlink="">
      <xdr:nvSpPr>
        <xdr:cNvPr id="369" name="テキスト ボックス 368"/>
        <xdr:cNvSpPr txBox="1"/>
      </xdr:nvSpPr>
      <xdr:spPr>
        <a:xfrm>
          <a:off x="6737428" y="10110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0" name="正方形/長方形 36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1" name="正方形/長方形 37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2" name="正方形/長方形 37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3" name="正方形/長方形 37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4" name="正方形/長方形 37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5" name="正方形/長方形 37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6" name="正方形/長方形 37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7" name="正方形/長方形 37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8" name="テキスト ボックス 37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9" name="直線コネクタ 37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0" name="直線コネクタ 379"/>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1" name="テキスト ボックス 380"/>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2" name="直線コネクタ 381"/>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3" name="テキスト ボックス 382"/>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4" name="直線コネクタ 383"/>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5" name="テキスト ボックス 384"/>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6" name="直線コネクタ 385"/>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87" name="テキスト ボックス 386"/>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8" name="直線コネクタ 38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89" name="テキスト ボックス 388"/>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0"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90780</xdr:rowOff>
    </xdr:from>
    <xdr:to>
      <xdr:col>54</xdr:col>
      <xdr:colOff>189865</xdr:colOff>
      <xdr:row>78</xdr:row>
      <xdr:rowOff>97867</xdr:rowOff>
    </xdr:to>
    <xdr:cxnSp macro="">
      <xdr:nvCxnSpPr>
        <xdr:cNvPr id="391" name="直線コネクタ 390"/>
        <xdr:cNvCxnSpPr/>
      </xdr:nvCxnSpPr>
      <xdr:spPr>
        <a:xfrm flipV="1">
          <a:off x="10475595" y="12092280"/>
          <a:ext cx="1270" cy="13786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1694</xdr:rowOff>
    </xdr:from>
    <xdr:ext cx="469744" cy="259045"/>
    <xdr:sp macro="" textlink="">
      <xdr:nvSpPr>
        <xdr:cNvPr id="392" name="商工費最小値テキスト"/>
        <xdr:cNvSpPr txBox="1"/>
      </xdr:nvSpPr>
      <xdr:spPr>
        <a:xfrm>
          <a:off x="10528300" y="13474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97867</xdr:rowOff>
    </xdr:from>
    <xdr:to>
      <xdr:col>55</xdr:col>
      <xdr:colOff>88900</xdr:colOff>
      <xdr:row>78</xdr:row>
      <xdr:rowOff>97867</xdr:rowOff>
    </xdr:to>
    <xdr:cxnSp macro="">
      <xdr:nvCxnSpPr>
        <xdr:cNvPr id="393" name="直線コネクタ 392"/>
        <xdr:cNvCxnSpPr/>
      </xdr:nvCxnSpPr>
      <xdr:spPr>
        <a:xfrm>
          <a:off x="10388600" y="13470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7457</xdr:rowOff>
    </xdr:from>
    <xdr:ext cx="534377" cy="259045"/>
    <xdr:sp macro="" textlink="">
      <xdr:nvSpPr>
        <xdr:cNvPr id="394" name="商工費最大値テキスト"/>
        <xdr:cNvSpPr txBox="1"/>
      </xdr:nvSpPr>
      <xdr:spPr>
        <a:xfrm>
          <a:off x="10528300" y="11867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2,14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90780</xdr:rowOff>
    </xdr:from>
    <xdr:to>
      <xdr:col>55</xdr:col>
      <xdr:colOff>88900</xdr:colOff>
      <xdr:row>70</xdr:row>
      <xdr:rowOff>90780</xdr:rowOff>
    </xdr:to>
    <xdr:cxnSp macro="">
      <xdr:nvCxnSpPr>
        <xdr:cNvPr id="395" name="直線コネクタ 394"/>
        <xdr:cNvCxnSpPr/>
      </xdr:nvCxnSpPr>
      <xdr:spPr>
        <a:xfrm>
          <a:off x="10388600" y="12092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3339</xdr:rowOff>
    </xdr:from>
    <xdr:to>
      <xdr:col>55</xdr:col>
      <xdr:colOff>0</xdr:colOff>
      <xdr:row>78</xdr:row>
      <xdr:rowOff>72537</xdr:rowOff>
    </xdr:to>
    <xdr:cxnSp macro="">
      <xdr:nvCxnSpPr>
        <xdr:cNvPr id="396" name="直線コネクタ 395"/>
        <xdr:cNvCxnSpPr/>
      </xdr:nvCxnSpPr>
      <xdr:spPr>
        <a:xfrm flipV="1">
          <a:off x="9639300" y="13376439"/>
          <a:ext cx="838200" cy="69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23972</xdr:rowOff>
    </xdr:from>
    <xdr:ext cx="534377" cy="259045"/>
    <xdr:sp macro="" textlink="">
      <xdr:nvSpPr>
        <xdr:cNvPr id="397" name="商工費平均値テキスト"/>
        <xdr:cNvSpPr txBox="1"/>
      </xdr:nvSpPr>
      <xdr:spPr>
        <a:xfrm>
          <a:off x="10528300" y="128827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95</xdr:rowOff>
    </xdr:from>
    <xdr:to>
      <xdr:col>55</xdr:col>
      <xdr:colOff>50800</xdr:colOff>
      <xdr:row>76</xdr:row>
      <xdr:rowOff>102695</xdr:rowOff>
    </xdr:to>
    <xdr:sp macro="" textlink="">
      <xdr:nvSpPr>
        <xdr:cNvPr id="398" name="フローチャート: 判断 397"/>
        <xdr:cNvSpPr/>
      </xdr:nvSpPr>
      <xdr:spPr>
        <a:xfrm>
          <a:off x="10426700" y="13031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62410</xdr:rowOff>
    </xdr:from>
    <xdr:to>
      <xdr:col>50</xdr:col>
      <xdr:colOff>114300</xdr:colOff>
      <xdr:row>78</xdr:row>
      <xdr:rowOff>72537</xdr:rowOff>
    </xdr:to>
    <xdr:cxnSp macro="">
      <xdr:nvCxnSpPr>
        <xdr:cNvPr id="399" name="直線コネクタ 398"/>
        <xdr:cNvCxnSpPr/>
      </xdr:nvCxnSpPr>
      <xdr:spPr>
        <a:xfrm>
          <a:off x="8750300" y="13435510"/>
          <a:ext cx="889000" cy="10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52177</xdr:rowOff>
    </xdr:from>
    <xdr:to>
      <xdr:col>50</xdr:col>
      <xdr:colOff>165100</xdr:colOff>
      <xdr:row>77</xdr:row>
      <xdr:rowOff>82327</xdr:rowOff>
    </xdr:to>
    <xdr:sp macro="" textlink="">
      <xdr:nvSpPr>
        <xdr:cNvPr id="400" name="フローチャート: 判断 399"/>
        <xdr:cNvSpPr/>
      </xdr:nvSpPr>
      <xdr:spPr>
        <a:xfrm>
          <a:off x="9588500" y="13182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98854</xdr:rowOff>
    </xdr:from>
    <xdr:ext cx="534377" cy="259045"/>
    <xdr:sp macro="" textlink="">
      <xdr:nvSpPr>
        <xdr:cNvPr id="401" name="テキスト ボックス 400"/>
        <xdr:cNvSpPr txBox="1"/>
      </xdr:nvSpPr>
      <xdr:spPr>
        <a:xfrm>
          <a:off x="9372111" y="12957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2410</xdr:rowOff>
    </xdr:from>
    <xdr:to>
      <xdr:col>45</xdr:col>
      <xdr:colOff>177800</xdr:colOff>
      <xdr:row>78</xdr:row>
      <xdr:rowOff>76104</xdr:rowOff>
    </xdr:to>
    <xdr:cxnSp macro="">
      <xdr:nvCxnSpPr>
        <xdr:cNvPr id="402" name="直線コネクタ 401"/>
        <xdr:cNvCxnSpPr/>
      </xdr:nvCxnSpPr>
      <xdr:spPr>
        <a:xfrm flipV="1">
          <a:off x="7861300" y="13435510"/>
          <a:ext cx="889000" cy="13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7287</xdr:rowOff>
    </xdr:from>
    <xdr:to>
      <xdr:col>46</xdr:col>
      <xdr:colOff>38100</xdr:colOff>
      <xdr:row>77</xdr:row>
      <xdr:rowOff>97437</xdr:rowOff>
    </xdr:to>
    <xdr:sp macro="" textlink="">
      <xdr:nvSpPr>
        <xdr:cNvPr id="403" name="フローチャート: 判断 402"/>
        <xdr:cNvSpPr/>
      </xdr:nvSpPr>
      <xdr:spPr>
        <a:xfrm>
          <a:off x="8699500" y="1319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13964</xdr:rowOff>
    </xdr:from>
    <xdr:ext cx="534377" cy="259045"/>
    <xdr:sp macro="" textlink="">
      <xdr:nvSpPr>
        <xdr:cNvPr id="404" name="テキスト ボックス 403"/>
        <xdr:cNvSpPr txBox="1"/>
      </xdr:nvSpPr>
      <xdr:spPr>
        <a:xfrm>
          <a:off x="8483111" y="12972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47220</xdr:rowOff>
    </xdr:from>
    <xdr:to>
      <xdr:col>41</xdr:col>
      <xdr:colOff>50800</xdr:colOff>
      <xdr:row>78</xdr:row>
      <xdr:rowOff>76104</xdr:rowOff>
    </xdr:to>
    <xdr:cxnSp macro="">
      <xdr:nvCxnSpPr>
        <xdr:cNvPr id="405" name="直線コネクタ 404"/>
        <xdr:cNvCxnSpPr/>
      </xdr:nvCxnSpPr>
      <xdr:spPr>
        <a:xfrm>
          <a:off x="6972300" y="13348870"/>
          <a:ext cx="889000" cy="100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56063</xdr:rowOff>
    </xdr:from>
    <xdr:to>
      <xdr:col>41</xdr:col>
      <xdr:colOff>101600</xdr:colOff>
      <xdr:row>77</xdr:row>
      <xdr:rowOff>86213</xdr:rowOff>
    </xdr:to>
    <xdr:sp macro="" textlink="">
      <xdr:nvSpPr>
        <xdr:cNvPr id="406" name="フローチャート: 判断 405"/>
        <xdr:cNvSpPr/>
      </xdr:nvSpPr>
      <xdr:spPr>
        <a:xfrm>
          <a:off x="7810500" y="1318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02740</xdr:rowOff>
    </xdr:from>
    <xdr:ext cx="534377" cy="259045"/>
    <xdr:sp macro="" textlink="">
      <xdr:nvSpPr>
        <xdr:cNvPr id="407" name="テキスト ボックス 406"/>
        <xdr:cNvSpPr txBox="1"/>
      </xdr:nvSpPr>
      <xdr:spPr>
        <a:xfrm>
          <a:off x="7594111" y="1296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37020</xdr:rowOff>
    </xdr:from>
    <xdr:to>
      <xdr:col>36</xdr:col>
      <xdr:colOff>165100</xdr:colOff>
      <xdr:row>77</xdr:row>
      <xdr:rowOff>67170</xdr:rowOff>
    </xdr:to>
    <xdr:sp macro="" textlink="">
      <xdr:nvSpPr>
        <xdr:cNvPr id="408" name="フローチャート: 判断 407"/>
        <xdr:cNvSpPr/>
      </xdr:nvSpPr>
      <xdr:spPr>
        <a:xfrm>
          <a:off x="6921500" y="1316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83697</xdr:rowOff>
    </xdr:from>
    <xdr:ext cx="534377" cy="259045"/>
    <xdr:sp macro="" textlink="">
      <xdr:nvSpPr>
        <xdr:cNvPr id="409" name="テキスト ボックス 408"/>
        <xdr:cNvSpPr txBox="1"/>
      </xdr:nvSpPr>
      <xdr:spPr>
        <a:xfrm>
          <a:off x="6705111" y="12942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0" name="テキスト ボックス 40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1" name="テキスト ボックス 41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2" name="テキスト ボックス 41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3" name="テキスト ボックス 41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4" name="テキスト ボックス 41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3989</xdr:rowOff>
    </xdr:from>
    <xdr:to>
      <xdr:col>55</xdr:col>
      <xdr:colOff>50800</xdr:colOff>
      <xdr:row>78</xdr:row>
      <xdr:rowOff>54139</xdr:rowOff>
    </xdr:to>
    <xdr:sp macro="" textlink="">
      <xdr:nvSpPr>
        <xdr:cNvPr id="415" name="楕円 414"/>
        <xdr:cNvSpPr/>
      </xdr:nvSpPr>
      <xdr:spPr>
        <a:xfrm>
          <a:off x="10426700" y="13325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38916</xdr:rowOff>
    </xdr:from>
    <xdr:ext cx="469744" cy="259045"/>
    <xdr:sp macro="" textlink="">
      <xdr:nvSpPr>
        <xdr:cNvPr id="416" name="商工費該当値テキスト"/>
        <xdr:cNvSpPr txBox="1"/>
      </xdr:nvSpPr>
      <xdr:spPr>
        <a:xfrm>
          <a:off x="10528300" y="13240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1737</xdr:rowOff>
    </xdr:from>
    <xdr:to>
      <xdr:col>50</xdr:col>
      <xdr:colOff>165100</xdr:colOff>
      <xdr:row>78</xdr:row>
      <xdr:rowOff>123337</xdr:rowOff>
    </xdr:to>
    <xdr:sp macro="" textlink="">
      <xdr:nvSpPr>
        <xdr:cNvPr id="417" name="楕円 416"/>
        <xdr:cNvSpPr/>
      </xdr:nvSpPr>
      <xdr:spPr>
        <a:xfrm>
          <a:off x="9588500" y="13394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14464</xdr:rowOff>
    </xdr:from>
    <xdr:ext cx="469744" cy="259045"/>
    <xdr:sp macro="" textlink="">
      <xdr:nvSpPr>
        <xdr:cNvPr id="418" name="テキスト ボックス 417"/>
        <xdr:cNvSpPr txBox="1"/>
      </xdr:nvSpPr>
      <xdr:spPr>
        <a:xfrm>
          <a:off x="9404428" y="13487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610</xdr:rowOff>
    </xdr:from>
    <xdr:to>
      <xdr:col>46</xdr:col>
      <xdr:colOff>38100</xdr:colOff>
      <xdr:row>78</xdr:row>
      <xdr:rowOff>113210</xdr:rowOff>
    </xdr:to>
    <xdr:sp macro="" textlink="">
      <xdr:nvSpPr>
        <xdr:cNvPr id="419" name="楕円 418"/>
        <xdr:cNvSpPr/>
      </xdr:nvSpPr>
      <xdr:spPr>
        <a:xfrm>
          <a:off x="8699500" y="13384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04337</xdr:rowOff>
    </xdr:from>
    <xdr:ext cx="469744" cy="259045"/>
    <xdr:sp macro="" textlink="">
      <xdr:nvSpPr>
        <xdr:cNvPr id="420" name="テキスト ボックス 419"/>
        <xdr:cNvSpPr txBox="1"/>
      </xdr:nvSpPr>
      <xdr:spPr>
        <a:xfrm>
          <a:off x="8515428" y="13477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5304</xdr:rowOff>
    </xdr:from>
    <xdr:to>
      <xdr:col>41</xdr:col>
      <xdr:colOff>101600</xdr:colOff>
      <xdr:row>78</xdr:row>
      <xdr:rowOff>126904</xdr:rowOff>
    </xdr:to>
    <xdr:sp macro="" textlink="">
      <xdr:nvSpPr>
        <xdr:cNvPr id="421" name="楕円 420"/>
        <xdr:cNvSpPr/>
      </xdr:nvSpPr>
      <xdr:spPr>
        <a:xfrm>
          <a:off x="7810500" y="13398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18031</xdr:rowOff>
    </xdr:from>
    <xdr:ext cx="469744" cy="259045"/>
    <xdr:sp macro="" textlink="">
      <xdr:nvSpPr>
        <xdr:cNvPr id="422" name="テキスト ボックス 421"/>
        <xdr:cNvSpPr txBox="1"/>
      </xdr:nvSpPr>
      <xdr:spPr>
        <a:xfrm>
          <a:off x="7626428" y="13491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6420</xdr:rowOff>
    </xdr:from>
    <xdr:to>
      <xdr:col>36</xdr:col>
      <xdr:colOff>165100</xdr:colOff>
      <xdr:row>78</xdr:row>
      <xdr:rowOff>26570</xdr:rowOff>
    </xdr:to>
    <xdr:sp macro="" textlink="">
      <xdr:nvSpPr>
        <xdr:cNvPr id="423" name="楕円 422"/>
        <xdr:cNvSpPr/>
      </xdr:nvSpPr>
      <xdr:spPr>
        <a:xfrm>
          <a:off x="6921500" y="13298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7697</xdr:rowOff>
    </xdr:from>
    <xdr:ext cx="469744" cy="259045"/>
    <xdr:sp macro="" textlink="">
      <xdr:nvSpPr>
        <xdr:cNvPr id="424" name="テキスト ボックス 423"/>
        <xdr:cNvSpPr txBox="1"/>
      </xdr:nvSpPr>
      <xdr:spPr>
        <a:xfrm>
          <a:off x="6737428" y="13390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5" name="正方形/長方形 42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6" name="正方形/長方形 42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7" name="正方形/長方形 42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8" name="正方形/長方形 42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29" name="正方形/長方形 42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0" name="正方形/長方形 42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1" name="正方形/長方形 43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2" name="正方形/長方形 43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3" name="テキスト ボックス 43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4" name="直線コネクタ 43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5" name="直線コネクタ 434"/>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6" name="テキスト ボックス 435"/>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7" name="直線コネクタ 436"/>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35577</xdr:rowOff>
    </xdr:from>
    <xdr:ext cx="595419" cy="259045"/>
    <xdr:sp macro="" textlink="">
      <xdr:nvSpPr>
        <xdr:cNvPr id="438" name="テキスト ボックス 437"/>
        <xdr:cNvSpPr txBox="1"/>
      </xdr:nvSpPr>
      <xdr:spPr>
        <a:xfrm>
          <a:off x="6008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39" name="直線コネクタ 438"/>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0" name="テキスト ボックス 439"/>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1" name="直線コネクタ 440"/>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2" name="テキスト ボックス 441"/>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3" name="直線コネクタ 442"/>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4" name="テキスト ボックス 443"/>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5" name="直線コネクタ 44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6" name="テキスト ボックス 44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3888</xdr:rowOff>
    </xdr:from>
    <xdr:to>
      <xdr:col>54</xdr:col>
      <xdr:colOff>189865</xdr:colOff>
      <xdr:row>98</xdr:row>
      <xdr:rowOff>145171</xdr:rowOff>
    </xdr:to>
    <xdr:cxnSp macro="">
      <xdr:nvCxnSpPr>
        <xdr:cNvPr id="448" name="直線コネクタ 447"/>
        <xdr:cNvCxnSpPr/>
      </xdr:nvCxnSpPr>
      <xdr:spPr>
        <a:xfrm flipV="1">
          <a:off x="10475595" y="15514388"/>
          <a:ext cx="1270" cy="1432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48998</xdr:rowOff>
    </xdr:from>
    <xdr:ext cx="534377" cy="259045"/>
    <xdr:sp macro="" textlink="">
      <xdr:nvSpPr>
        <xdr:cNvPr id="449" name="土木費最小値テキスト"/>
        <xdr:cNvSpPr txBox="1"/>
      </xdr:nvSpPr>
      <xdr:spPr>
        <a:xfrm>
          <a:off x="10528300" y="16951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5171</xdr:rowOff>
    </xdr:from>
    <xdr:to>
      <xdr:col>55</xdr:col>
      <xdr:colOff>88900</xdr:colOff>
      <xdr:row>98</xdr:row>
      <xdr:rowOff>145171</xdr:rowOff>
    </xdr:to>
    <xdr:cxnSp macro="">
      <xdr:nvCxnSpPr>
        <xdr:cNvPr id="450" name="直線コネクタ 449"/>
        <xdr:cNvCxnSpPr/>
      </xdr:nvCxnSpPr>
      <xdr:spPr>
        <a:xfrm>
          <a:off x="10388600" y="16947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0565</xdr:rowOff>
    </xdr:from>
    <xdr:ext cx="599010" cy="259045"/>
    <xdr:sp macro="" textlink="">
      <xdr:nvSpPr>
        <xdr:cNvPr id="451" name="土木費最大値テキスト"/>
        <xdr:cNvSpPr txBox="1"/>
      </xdr:nvSpPr>
      <xdr:spPr>
        <a:xfrm>
          <a:off x="10528300" y="152896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4,64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3888</xdr:rowOff>
    </xdr:from>
    <xdr:to>
      <xdr:col>55</xdr:col>
      <xdr:colOff>88900</xdr:colOff>
      <xdr:row>90</xdr:row>
      <xdr:rowOff>83888</xdr:rowOff>
    </xdr:to>
    <xdr:cxnSp macro="">
      <xdr:nvCxnSpPr>
        <xdr:cNvPr id="452" name="直線コネクタ 451"/>
        <xdr:cNvCxnSpPr/>
      </xdr:nvCxnSpPr>
      <xdr:spPr>
        <a:xfrm>
          <a:off x="10388600" y="15514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5499</xdr:rowOff>
    </xdr:from>
    <xdr:to>
      <xdr:col>55</xdr:col>
      <xdr:colOff>0</xdr:colOff>
      <xdr:row>98</xdr:row>
      <xdr:rowOff>69684</xdr:rowOff>
    </xdr:to>
    <xdr:cxnSp macro="">
      <xdr:nvCxnSpPr>
        <xdr:cNvPr id="453" name="直線コネクタ 452"/>
        <xdr:cNvCxnSpPr/>
      </xdr:nvCxnSpPr>
      <xdr:spPr>
        <a:xfrm>
          <a:off x="9639300" y="16857599"/>
          <a:ext cx="838200" cy="14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7270</xdr:rowOff>
    </xdr:from>
    <xdr:ext cx="534377" cy="259045"/>
    <xdr:sp macro="" textlink="">
      <xdr:nvSpPr>
        <xdr:cNvPr id="454" name="土木費平均値テキスト"/>
        <xdr:cNvSpPr txBox="1"/>
      </xdr:nvSpPr>
      <xdr:spPr>
        <a:xfrm>
          <a:off x="10528300" y="166479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65843</xdr:rowOff>
    </xdr:from>
    <xdr:to>
      <xdr:col>55</xdr:col>
      <xdr:colOff>50800</xdr:colOff>
      <xdr:row>98</xdr:row>
      <xdr:rowOff>95993</xdr:rowOff>
    </xdr:to>
    <xdr:sp macro="" textlink="">
      <xdr:nvSpPr>
        <xdr:cNvPr id="455" name="フローチャート: 判断 454"/>
        <xdr:cNvSpPr/>
      </xdr:nvSpPr>
      <xdr:spPr>
        <a:xfrm>
          <a:off x="10426700" y="1679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8757</xdr:rowOff>
    </xdr:from>
    <xdr:to>
      <xdr:col>50</xdr:col>
      <xdr:colOff>114300</xdr:colOff>
      <xdr:row>98</xdr:row>
      <xdr:rowOff>55499</xdr:rowOff>
    </xdr:to>
    <xdr:cxnSp macro="">
      <xdr:nvCxnSpPr>
        <xdr:cNvPr id="456" name="直線コネクタ 455"/>
        <xdr:cNvCxnSpPr/>
      </xdr:nvCxnSpPr>
      <xdr:spPr>
        <a:xfrm>
          <a:off x="8750300" y="16779407"/>
          <a:ext cx="889000" cy="78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68952</xdr:rowOff>
    </xdr:from>
    <xdr:to>
      <xdr:col>50</xdr:col>
      <xdr:colOff>165100</xdr:colOff>
      <xdr:row>98</xdr:row>
      <xdr:rowOff>99102</xdr:rowOff>
    </xdr:to>
    <xdr:sp macro="" textlink="">
      <xdr:nvSpPr>
        <xdr:cNvPr id="457" name="フローチャート: 判断 456"/>
        <xdr:cNvSpPr/>
      </xdr:nvSpPr>
      <xdr:spPr>
        <a:xfrm>
          <a:off x="9588500" y="1679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5629</xdr:rowOff>
    </xdr:from>
    <xdr:ext cx="534377" cy="259045"/>
    <xdr:sp macro="" textlink="">
      <xdr:nvSpPr>
        <xdr:cNvPr id="458" name="テキスト ボックス 457"/>
        <xdr:cNvSpPr txBox="1"/>
      </xdr:nvSpPr>
      <xdr:spPr>
        <a:xfrm>
          <a:off x="9372111" y="16574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12215</xdr:rowOff>
    </xdr:from>
    <xdr:to>
      <xdr:col>45</xdr:col>
      <xdr:colOff>177800</xdr:colOff>
      <xdr:row>97</xdr:row>
      <xdr:rowOff>148757</xdr:rowOff>
    </xdr:to>
    <xdr:cxnSp macro="">
      <xdr:nvCxnSpPr>
        <xdr:cNvPr id="459" name="直線コネクタ 458"/>
        <xdr:cNvCxnSpPr/>
      </xdr:nvCxnSpPr>
      <xdr:spPr>
        <a:xfrm>
          <a:off x="7861300" y="16742865"/>
          <a:ext cx="889000" cy="36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70590</xdr:rowOff>
    </xdr:from>
    <xdr:to>
      <xdr:col>46</xdr:col>
      <xdr:colOff>38100</xdr:colOff>
      <xdr:row>98</xdr:row>
      <xdr:rowOff>100740</xdr:rowOff>
    </xdr:to>
    <xdr:sp macro="" textlink="">
      <xdr:nvSpPr>
        <xdr:cNvPr id="460" name="フローチャート: 判断 459"/>
        <xdr:cNvSpPr/>
      </xdr:nvSpPr>
      <xdr:spPr>
        <a:xfrm>
          <a:off x="8699500" y="1680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91867</xdr:rowOff>
    </xdr:from>
    <xdr:ext cx="534377" cy="259045"/>
    <xdr:sp macro="" textlink="">
      <xdr:nvSpPr>
        <xdr:cNvPr id="461" name="テキスト ボックス 460"/>
        <xdr:cNvSpPr txBox="1"/>
      </xdr:nvSpPr>
      <xdr:spPr>
        <a:xfrm>
          <a:off x="8483111" y="16893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12215</xdr:rowOff>
    </xdr:from>
    <xdr:to>
      <xdr:col>41</xdr:col>
      <xdr:colOff>50800</xdr:colOff>
      <xdr:row>97</xdr:row>
      <xdr:rowOff>132533</xdr:rowOff>
    </xdr:to>
    <xdr:cxnSp macro="">
      <xdr:nvCxnSpPr>
        <xdr:cNvPr id="462" name="直線コネクタ 461"/>
        <xdr:cNvCxnSpPr/>
      </xdr:nvCxnSpPr>
      <xdr:spPr>
        <a:xfrm flipV="1">
          <a:off x="6972300" y="16742865"/>
          <a:ext cx="889000" cy="20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66002</xdr:rowOff>
    </xdr:from>
    <xdr:to>
      <xdr:col>41</xdr:col>
      <xdr:colOff>101600</xdr:colOff>
      <xdr:row>98</xdr:row>
      <xdr:rowOff>96152</xdr:rowOff>
    </xdr:to>
    <xdr:sp macro="" textlink="">
      <xdr:nvSpPr>
        <xdr:cNvPr id="463" name="フローチャート: 判断 462"/>
        <xdr:cNvSpPr/>
      </xdr:nvSpPr>
      <xdr:spPr>
        <a:xfrm>
          <a:off x="7810500" y="16796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7279</xdr:rowOff>
    </xdr:from>
    <xdr:ext cx="534377" cy="259045"/>
    <xdr:sp macro="" textlink="">
      <xdr:nvSpPr>
        <xdr:cNvPr id="464" name="テキスト ボックス 463"/>
        <xdr:cNvSpPr txBox="1"/>
      </xdr:nvSpPr>
      <xdr:spPr>
        <a:xfrm>
          <a:off x="7594111" y="16889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6334</xdr:rowOff>
    </xdr:from>
    <xdr:to>
      <xdr:col>36</xdr:col>
      <xdr:colOff>165100</xdr:colOff>
      <xdr:row>98</xdr:row>
      <xdr:rowOff>96484</xdr:rowOff>
    </xdr:to>
    <xdr:sp macro="" textlink="">
      <xdr:nvSpPr>
        <xdr:cNvPr id="465" name="フローチャート: 判断 464"/>
        <xdr:cNvSpPr/>
      </xdr:nvSpPr>
      <xdr:spPr>
        <a:xfrm>
          <a:off x="6921500" y="16796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7611</xdr:rowOff>
    </xdr:from>
    <xdr:ext cx="534377" cy="259045"/>
    <xdr:sp macro="" textlink="">
      <xdr:nvSpPr>
        <xdr:cNvPr id="466" name="テキスト ボックス 465"/>
        <xdr:cNvSpPr txBox="1"/>
      </xdr:nvSpPr>
      <xdr:spPr>
        <a:xfrm>
          <a:off x="6705111" y="16889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7" name="テキスト ボックス 46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8" name="テキスト ボックス 46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9" name="テキスト ボックス 46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0" name="テキスト ボックス 46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1" name="テキスト ボックス 47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8884</xdr:rowOff>
    </xdr:from>
    <xdr:to>
      <xdr:col>55</xdr:col>
      <xdr:colOff>50800</xdr:colOff>
      <xdr:row>98</xdr:row>
      <xdr:rowOff>120484</xdr:rowOff>
    </xdr:to>
    <xdr:sp macro="" textlink="">
      <xdr:nvSpPr>
        <xdr:cNvPr id="472" name="楕円 471"/>
        <xdr:cNvSpPr/>
      </xdr:nvSpPr>
      <xdr:spPr>
        <a:xfrm>
          <a:off x="10426700" y="16820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44270</xdr:rowOff>
    </xdr:from>
    <xdr:ext cx="534377" cy="259045"/>
    <xdr:sp macro="" textlink="">
      <xdr:nvSpPr>
        <xdr:cNvPr id="473" name="土木費該当値テキスト"/>
        <xdr:cNvSpPr txBox="1"/>
      </xdr:nvSpPr>
      <xdr:spPr>
        <a:xfrm>
          <a:off x="10528300" y="16774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4699</xdr:rowOff>
    </xdr:from>
    <xdr:to>
      <xdr:col>50</xdr:col>
      <xdr:colOff>165100</xdr:colOff>
      <xdr:row>98</xdr:row>
      <xdr:rowOff>106299</xdr:rowOff>
    </xdr:to>
    <xdr:sp macro="" textlink="">
      <xdr:nvSpPr>
        <xdr:cNvPr id="474" name="楕円 473"/>
        <xdr:cNvSpPr/>
      </xdr:nvSpPr>
      <xdr:spPr>
        <a:xfrm>
          <a:off x="9588500" y="16806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97426</xdr:rowOff>
    </xdr:from>
    <xdr:ext cx="534377" cy="259045"/>
    <xdr:sp macro="" textlink="">
      <xdr:nvSpPr>
        <xdr:cNvPr id="475" name="テキスト ボックス 474"/>
        <xdr:cNvSpPr txBox="1"/>
      </xdr:nvSpPr>
      <xdr:spPr>
        <a:xfrm>
          <a:off x="9372111" y="16899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7957</xdr:rowOff>
    </xdr:from>
    <xdr:to>
      <xdr:col>46</xdr:col>
      <xdr:colOff>38100</xdr:colOff>
      <xdr:row>98</xdr:row>
      <xdr:rowOff>28107</xdr:rowOff>
    </xdr:to>
    <xdr:sp macro="" textlink="">
      <xdr:nvSpPr>
        <xdr:cNvPr id="476" name="楕円 475"/>
        <xdr:cNvSpPr/>
      </xdr:nvSpPr>
      <xdr:spPr>
        <a:xfrm>
          <a:off x="8699500" y="16728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4634</xdr:rowOff>
    </xdr:from>
    <xdr:ext cx="534377" cy="259045"/>
    <xdr:sp macro="" textlink="">
      <xdr:nvSpPr>
        <xdr:cNvPr id="477" name="テキスト ボックス 476"/>
        <xdr:cNvSpPr txBox="1"/>
      </xdr:nvSpPr>
      <xdr:spPr>
        <a:xfrm>
          <a:off x="8483111" y="16503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61415</xdr:rowOff>
    </xdr:from>
    <xdr:to>
      <xdr:col>41</xdr:col>
      <xdr:colOff>101600</xdr:colOff>
      <xdr:row>97</xdr:row>
      <xdr:rowOff>163015</xdr:rowOff>
    </xdr:to>
    <xdr:sp macro="" textlink="">
      <xdr:nvSpPr>
        <xdr:cNvPr id="478" name="楕円 477"/>
        <xdr:cNvSpPr/>
      </xdr:nvSpPr>
      <xdr:spPr>
        <a:xfrm>
          <a:off x="7810500" y="16692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8092</xdr:rowOff>
    </xdr:from>
    <xdr:ext cx="534377" cy="259045"/>
    <xdr:sp macro="" textlink="">
      <xdr:nvSpPr>
        <xdr:cNvPr id="479" name="テキスト ボックス 478"/>
        <xdr:cNvSpPr txBox="1"/>
      </xdr:nvSpPr>
      <xdr:spPr>
        <a:xfrm>
          <a:off x="7594111" y="16467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1733</xdr:rowOff>
    </xdr:from>
    <xdr:to>
      <xdr:col>36</xdr:col>
      <xdr:colOff>165100</xdr:colOff>
      <xdr:row>98</xdr:row>
      <xdr:rowOff>11883</xdr:rowOff>
    </xdr:to>
    <xdr:sp macro="" textlink="">
      <xdr:nvSpPr>
        <xdr:cNvPr id="480" name="楕円 479"/>
        <xdr:cNvSpPr/>
      </xdr:nvSpPr>
      <xdr:spPr>
        <a:xfrm>
          <a:off x="6921500" y="16712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28410</xdr:rowOff>
    </xdr:from>
    <xdr:ext cx="534377" cy="259045"/>
    <xdr:sp macro="" textlink="">
      <xdr:nvSpPr>
        <xdr:cNvPr id="481" name="テキスト ボックス 480"/>
        <xdr:cNvSpPr txBox="1"/>
      </xdr:nvSpPr>
      <xdr:spPr>
        <a:xfrm>
          <a:off x="6705111" y="16487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2" name="正方形/長方形 48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3" name="正方形/長方形 48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4" name="正方形/長方形 48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5" name="正方形/長方形 48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6" name="正方形/長方形 48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7" name="正方形/長方形 48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8" name="正方形/長方形 48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9" name="正方形/長方形 48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0" name="テキスト ボックス 48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1" name="直線コネクタ 49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2" name="テキスト ボックス 491"/>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3" name="直線コネクタ 492"/>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4" name="テキスト ボックス 493"/>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5" name="直線コネクタ 494"/>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6" name="テキスト ボックス 495"/>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7" name="直線コネクタ 496"/>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498" name="テキスト ボックス 497"/>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499" name="直線コネクタ 498"/>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0" name="テキスト ボックス 499"/>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1" name="直線コネクタ 50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2" name="テキスト ボックス 501"/>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3"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2512</xdr:rowOff>
    </xdr:from>
    <xdr:to>
      <xdr:col>85</xdr:col>
      <xdr:colOff>126364</xdr:colOff>
      <xdr:row>38</xdr:row>
      <xdr:rowOff>171247</xdr:rowOff>
    </xdr:to>
    <xdr:cxnSp macro="">
      <xdr:nvCxnSpPr>
        <xdr:cNvPr id="504" name="直線コネクタ 503"/>
        <xdr:cNvCxnSpPr/>
      </xdr:nvCxnSpPr>
      <xdr:spPr>
        <a:xfrm flipV="1">
          <a:off x="16317595" y="5367462"/>
          <a:ext cx="1269" cy="1318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3624</xdr:rowOff>
    </xdr:from>
    <xdr:ext cx="469744" cy="259045"/>
    <xdr:sp macro="" textlink="">
      <xdr:nvSpPr>
        <xdr:cNvPr id="505" name="消防費最小値テキスト"/>
        <xdr:cNvSpPr txBox="1"/>
      </xdr:nvSpPr>
      <xdr:spPr>
        <a:xfrm>
          <a:off x="16370300" y="66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71247</xdr:rowOff>
    </xdr:from>
    <xdr:to>
      <xdr:col>86</xdr:col>
      <xdr:colOff>25400</xdr:colOff>
      <xdr:row>38</xdr:row>
      <xdr:rowOff>171247</xdr:rowOff>
    </xdr:to>
    <xdr:cxnSp macro="">
      <xdr:nvCxnSpPr>
        <xdr:cNvPr id="506" name="直線コネクタ 505"/>
        <xdr:cNvCxnSpPr/>
      </xdr:nvCxnSpPr>
      <xdr:spPr>
        <a:xfrm>
          <a:off x="16230600" y="6686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70639</xdr:rowOff>
    </xdr:from>
    <xdr:ext cx="534377" cy="259045"/>
    <xdr:sp macro="" textlink="">
      <xdr:nvSpPr>
        <xdr:cNvPr id="507" name="消防費最大値テキスト"/>
        <xdr:cNvSpPr txBox="1"/>
      </xdr:nvSpPr>
      <xdr:spPr>
        <a:xfrm>
          <a:off x="16370300" y="5142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15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2512</xdr:rowOff>
    </xdr:from>
    <xdr:to>
      <xdr:col>86</xdr:col>
      <xdr:colOff>25400</xdr:colOff>
      <xdr:row>31</xdr:row>
      <xdr:rowOff>52512</xdr:rowOff>
    </xdr:to>
    <xdr:cxnSp macro="">
      <xdr:nvCxnSpPr>
        <xdr:cNvPr id="508" name="直線コネクタ 507"/>
        <xdr:cNvCxnSpPr/>
      </xdr:nvCxnSpPr>
      <xdr:spPr>
        <a:xfrm>
          <a:off x="16230600" y="53674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2</xdr:row>
      <xdr:rowOff>42819</xdr:rowOff>
    </xdr:from>
    <xdr:to>
      <xdr:col>85</xdr:col>
      <xdr:colOff>127000</xdr:colOff>
      <xdr:row>36</xdr:row>
      <xdr:rowOff>83327</xdr:rowOff>
    </xdr:to>
    <xdr:cxnSp macro="">
      <xdr:nvCxnSpPr>
        <xdr:cNvPr id="509" name="直線コネクタ 508"/>
        <xdr:cNvCxnSpPr/>
      </xdr:nvCxnSpPr>
      <xdr:spPr>
        <a:xfrm>
          <a:off x="15481300" y="5529219"/>
          <a:ext cx="838200" cy="726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2427</xdr:rowOff>
    </xdr:from>
    <xdr:ext cx="534377" cy="259045"/>
    <xdr:sp macro="" textlink="">
      <xdr:nvSpPr>
        <xdr:cNvPr id="510" name="消防費平均値テキスト"/>
        <xdr:cNvSpPr txBox="1"/>
      </xdr:nvSpPr>
      <xdr:spPr>
        <a:xfrm>
          <a:off x="16370300" y="62646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4000</xdr:rowOff>
    </xdr:from>
    <xdr:to>
      <xdr:col>85</xdr:col>
      <xdr:colOff>177800</xdr:colOff>
      <xdr:row>37</xdr:row>
      <xdr:rowOff>44150</xdr:rowOff>
    </xdr:to>
    <xdr:sp macro="" textlink="">
      <xdr:nvSpPr>
        <xdr:cNvPr id="511" name="フローチャート: 判断 510"/>
        <xdr:cNvSpPr/>
      </xdr:nvSpPr>
      <xdr:spPr>
        <a:xfrm>
          <a:off x="16268700" y="628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42819</xdr:rowOff>
    </xdr:from>
    <xdr:to>
      <xdr:col>81</xdr:col>
      <xdr:colOff>50800</xdr:colOff>
      <xdr:row>36</xdr:row>
      <xdr:rowOff>149758</xdr:rowOff>
    </xdr:to>
    <xdr:cxnSp macro="">
      <xdr:nvCxnSpPr>
        <xdr:cNvPr id="512" name="直線コネクタ 511"/>
        <xdr:cNvCxnSpPr/>
      </xdr:nvCxnSpPr>
      <xdr:spPr>
        <a:xfrm flipV="1">
          <a:off x="14592300" y="5529219"/>
          <a:ext cx="889000" cy="792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26253</xdr:rowOff>
    </xdr:from>
    <xdr:to>
      <xdr:col>81</xdr:col>
      <xdr:colOff>101600</xdr:colOff>
      <xdr:row>37</xdr:row>
      <xdr:rowOff>56403</xdr:rowOff>
    </xdr:to>
    <xdr:sp macro="" textlink="">
      <xdr:nvSpPr>
        <xdr:cNvPr id="513" name="フローチャート: 判断 512"/>
        <xdr:cNvSpPr/>
      </xdr:nvSpPr>
      <xdr:spPr>
        <a:xfrm>
          <a:off x="15430500" y="6298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47530</xdr:rowOff>
    </xdr:from>
    <xdr:ext cx="534377" cy="259045"/>
    <xdr:sp macro="" textlink="">
      <xdr:nvSpPr>
        <xdr:cNvPr id="514" name="テキスト ボックス 513"/>
        <xdr:cNvSpPr txBox="1"/>
      </xdr:nvSpPr>
      <xdr:spPr>
        <a:xfrm>
          <a:off x="15214111" y="6391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37836</xdr:rowOff>
    </xdr:from>
    <xdr:to>
      <xdr:col>76</xdr:col>
      <xdr:colOff>114300</xdr:colOff>
      <xdr:row>36</xdr:row>
      <xdr:rowOff>149758</xdr:rowOff>
    </xdr:to>
    <xdr:cxnSp macro="">
      <xdr:nvCxnSpPr>
        <xdr:cNvPr id="515" name="直線コネクタ 514"/>
        <xdr:cNvCxnSpPr/>
      </xdr:nvCxnSpPr>
      <xdr:spPr>
        <a:xfrm>
          <a:off x="13703300" y="6210036"/>
          <a:ext cx="889000" cy="111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8349</xdr:rowOff>
    </xdr:from>
    <xdr:to>
      <xdr:col>76</xdr:col>
      <xdr:colOff>165100</xdr:colOff>
      <xdr:row>37</xdr:row>
      <xdr:rowOff>88499</xdr:rowOff>
    </xdr:to>
    <xdr:sp macro="" textlink="">
      <xdr:nvSpPr>
        <xdr:cNvPr id="516" name="フローチャート: 判断 515"/>
        <xdr:cNvSpPr/>
      </xdr:nvSpPr>
      <xdr:spPr>
        <a:xfrm>
          <a:off x="14541500" y="6330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79626</xdr:rowOff>
    </xdr:from>
    <xdr:ext cx="534377" cy="259045"/>
    <xdr:sp macro="" textlink="">
      <xdr:nvSpPr>
        <xdr:cNvPr id="517" name="テキスト ボックス 516"/>
        <xdr:cNvSpPr txBox="1"/>
      </xdr:nvSpPr>
      <xdr:spPr>
        <a:xfrm>
          <a:off x="14325111" y="6423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37836</xdr:rowOff>
    </xdr:from>
    <xdr:to>
      <xdr:col>71</xdr:col>
      <xdr:colOff>177800</xdr:colOff>
      <xdr:row>37</xdr:row>
      <xdr:rowOff>141575</xdr:rowOff>
    </xdr:to>
    <xdr:cxnSp macro="">
      <xdr:nvCxnSpPr>
        <xdr:cNvPr id="518" name="直線コネクタ 517"/>
        <xdr:cNvCxnSpPr/>
      </xdr:nvCxnSpPr>
      <xdr:spPr>
        <a:xfrm flipV="1">
          <a:off x="12814300" y="6210036"/>
          <a:ext cx="889000" cy="275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8669</xdr:rowOff>
    </xdr:from>
    <xdr:to>
      <xdr:col>72</xdr:col>
      <xdr:colOff>38100</xdr:colOff>
      <xdr:row>37</xdr:row>
      <xdr:rowOff>88819</xdr:rowOff>
    </xdr:to>
    <xdr:sp macro="" textlink="">
      <xdr:nvSpPr>
        <xdr:cNvPr id="519" name="フローチャート: 判断 518"/>
        <xdr:cNvSpPr/>
      </xdr:nvSpPr>
      <xdr:spPr>
        <a:xfrm>
          <a:off x="13652500" y="6330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79946</xdr:rowOff>
    </xdr:from>
    <xdr:ext cx="534377" cy="259045"/>
    <xdr:sp macro="" textlink="">
      <xdr:nvSpPr>
        <xdr:cNvPr id="520" name="テキスト ボックス 519"/>
        <xdr:cNvSpPr txBox="1"/>
      </xdr:nvSpPr>
      <xdr:spPr>
        <a:xfrm>
          <a:off x="13436111" y="6423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6898</xdr:rowOff>
    </xdr:from>
    <xdr:to>
      <xdr:col>67</xdr:col>
      <xdr:colOff>101600</xdr:colOff>
      <xdr:row>37</xdr:row>
      <xdr:rowOff>97048</xdr:rowOff>
    </xdr:to>
    <xdr:sp macro="" textlink="">
      <xdr:nvSpPr>
        <xdr:cNvPr id="521" name="フローチャート: 判断 520"/>
        <xdr:cNvSpPr/>
      </xdr:nvSpPr>
      <xdr:spPr>
        <a:xfrm>
          <a:off x="12763500" y="6339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13575</xdr:rowOff>
    </xdr:from>
    <xdr:ext cx="534377" cy="259045"/>
    <xdr:sp macro="" textlink="">
      <xdr:nvSpPr>
        <xdr:cNvPr id="522" name="テキスト ボックス 521"/>
        <xdr:cNvSpPr txBox="1"/>
      </xdr:nvSpPr>
      <xdr:spPr>
        <a:xfrm>
          <a:off x="12547111" y="6114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3" name="テキスト ボックス 52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4" name="テキスト ボックス 52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5" name="テキスト ボックス 52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6" name="テキスト ボックス 52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7" name="テキスト ボックス 52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2527</xdr:rowOff>
    </xdr:from>
    <xdr:to>
      <xdr:col>85</xdr:col>
      <xdr:colOff>177800</xdr:colOff>
      <xdr:row>36</xdr:row>
      <xdr:rowOff>134127</xdr:rowOff>
    </xdr:to>
    <xdr:sp macro="" textlink="">
      <xdr:nvSpPr>
        <xdr:cNvPr id="528" name="楕円 527"/>
        <xdr:cNvSpPr/>
      </xdr:nvSpPr>
      <xdr:spPr>
        <a:xfrm>
          <a:off x="16268700" y="6204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55404</xdr:rowOff>
    </xdr:from>
    <xdr:ext cx="534377" cy="259045"/>
    <xdr:sp macro="" textlink="">
      <xdr:nvSpPr>
        <xdr:cNvPr id="529" name="消防費該当値テキスト"/>
        <xdr:cNvSpPr txBox="1"/>
      </xdr:nvSpPr>
      <xdr:spPr>
        <a:xfrm>
          <a:off x="16370300" y="6056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1</xdr:row>
      <xdr:rowOff>163469</xdr:rowOff>
    </xdr:from>
    <xdr:to>
      <xdr:col>81</xdr:col>
      <xdr:colOff>101600</xdr:colOff>
      <xdr:row>32</xdr:row>
      <xdr:rowOff>93619</xdr:rowOff>
    </xdr:to>
    <xdr:sp macro="" textlink="">
      <xdr:nvSpPr>
        <xdr:cNvPr id="530" name="楕円 529"/>
        <xdr:cNvSpPr/>
      </xdr:nvSpPr>
      <xdr:spPr>
        <a:xfrm>
          <a:off x="15430500" y="5478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0</xdr:row>
      <xdr:rowOff>110146</xdr:rowOff>
    </xdr:from>
    <xdr:ext cx="534377" cy="259045"/>
    <xdr:sp macro="" textlink="">
      <xdr:nvSpPr>
        <xdr:cNvPr id="531" name="テキスト ボックス 530"/>
        <xdr:cNvSpPr txBox="1"/>
      </xdr:nvSpPr>
      <xdr:spPr>
        <a:xfrm>
          <a:off x="15214111" y="5253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8958</xdr:rowOff>
    </xdr:from>
    <xdr:to>
      <xdr:col>76</xdr:col>
      <xdr:colOff>165100</xdr:colOff>
      <xdr:row>37</xdr:row>
      <xdr:rowOff>29108</xdr:rowOff>
    </xdr:to>
    <xdr:sp macro="" textlink="">
      <xdr:nvSpPr>
        <xdr:cNvPr id="532" name="楕円 531"/>
        <xdr:cNvSpPr/>
      </xdr:nvSpPr>
      <xdr:spPr>
        <a:xfrm>
          <a:off x="14541500" y="627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45635</xdr:rowOff>
    </xdr:from>
    <xdr:ext cx="534377" cy="259045"/>
    <xdr:sp macro="" textlink="">
      <xdr:nvSpPr>
        <xdr:cNvPr id="533" name="テキスト ボックス 532"/>
        <xdr:cNvSpPr txBox="1"/>
      </xdr:nvSpPr>
      <xdr:spPr>
        <a:xfrm>
          <a:off x="14325111" y="60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58486</xdr:rowOff>
    </xdr:from>
    <xdr:to>
      <xdr:col>72</xdr:col>
      <xdr:colOff>38100</xdr:colOff>
      <xdr:row>36</xdr:row>
      <xdr:rowOff>88636</xdr:rowOff>
    </xdr:to>
    <xdr:sp macro="" textlink="">
      <xdr:nvSpPr>
        <xdr:cNvPr id="534" name="楕円 533"/>
        <xdr:cNvSpPr/>
      </xdr:nvSpPr>
      <xdr:spPr>
        <a:xfrm>
          <a:off x="13652500" y="6159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05163</xdr:rowOff>
    </xdr:from>
    <xdr:ext cx="534377" cy="259045"/>
    <xdr:sp macro="" textlink="">
      <xdr:nvSpPr>
        <xdr:cNvPr id="535" name="テキスト ボックス 534"/>
        <xdr:cNvSpPr txBox="1"/>
      </xdr:nvSpPr>
      <xdr:spPr>
        <a:xfrm>
          <a:off x="13436111" y="5934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90775</xdr:rowOff>
    </xdr:from>
    <xdr:to>
      <xdr:col>67</xdr:col>
      <xdr:colOff>101600</xdr:colOff>
      <xdr:row>38</xdr:row>
      <xdr:rowOff>20924</xdr:rowOff>
    </xdr:to>
    <xdr:sp macro="" textlink="">
      <xdr:nvSpPr>
        <xdr:cNvPr id="536" name="楕円 535"/>
        <xdr:cNvSpPr/>
      </xdr:nvSpPr>
      <xdr:spPr>
        <a:xfrm>
          <a:off x="12763500" y="643442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2051</xdr:rowOff>
    </xdr:from>
    <xdr:ext cx="534377" cy="259045"/>
    <xdr:sp macro="" textlink="">
      <xdr:nvSpPr>
        <xdr:cNvPr id="537" name="テキスト ボックス 536"/>
        <xdr:cNvSpPr txBox="1"/>
      </xdr:nvSpPr>
      <xdr:spPr>
        <a:xfrm>
          <a:off x="12547111" y="6527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8" name="正方形/長方形 53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9" name="正方形/長方形 53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0" name="正方形/長方形 53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1" name="正方形/長方形 54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2" name="正方形/長方形 54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3" name="正方形/長方形 54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4" name="正方形/長方形 54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5" name="正方形/長方形 54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6" name="テキスト ボックス 54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7" name="直線コネクタ 54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48" name="テキスト ボックス 547"/>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49" name="直線コネクタ 548"/>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50" name="テキスト ボックス 549"/>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1" name="直線コネクタ 550"/>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52" name="テキスト ボックス 551"/>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3" name="直線コネクタ 552"/>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54" name="テキスト ボックス 553"/>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55" name="直線コネクタ 554"/>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56" name="テキスト ボックス 555"/>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57" name="直線コネクタ 556"/>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58" name="テキスト ボックス 557"/>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59" name="直線コネクタ 558"/>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60" name="テキスト ボックス 559"/>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2" name="テキスト ボックス 56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64132</xdr:rowOff>
    </xdr:from>
    <xdr:to>
      <xdr:col>85</xdr:col>
      <xdr:colOff>126364</xdr:colOff>
      <xdr:row>58</xdr:row>
      <xdr:rowOff>11766</xdr:rowOff>
    </xdr:to>
    <xdr:cxnSp macro="">
      <xdr:nvCxnSpPr>
        <xdr:cNvPr id="564" name="直線コネクタ 563"/>
        <xdr:cNvCxnSpPr/>
      </xdr:nvCxnSpPr>
      <xdr:spPr>
        <a:xfrm flipV="1">
          <a:off x="16317595" y="8808082"/>
          <a:ext cx="1269" cy="1147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5593</xdr:rowOff>
    </xdr:from>
    <xdr:ext cx="534377" cy="259045"/>
    <xdr:sp macro="" textlink="">
      <xdr:nvSpPr>
        <xdr:cNvPr id="565" name="教育費最小値テキスト"/>
        <xdr:cNvSpPr txBox="1"/>
      </xdr:nvSpPr>
      <xdr:spPr>
        <a:xfrm>
          <a:off x="16370300" y="9959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8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766</xdr:rowOff>
    </xdr:from>
    <xdr:to>
      <xdr:col>86</xdr:col>
      <xdr:colOff>25400</xdr:colOff>
      <xdr:row>58</xdr:row>
      <xdr:rowOff>11766</xdr:rowOff>
    </xdr:to>
    <xdr:cxnSp macro="">
      <xdr:nvCxnSpPr>
        <xdr:cNvPr id="566" name="直線コネクタ 565"/>
        <xdr:cNvCxnSpPr/>
      </xdr:nvCxnSpPr>
      <xdr:spPr>
        <a:xfrm>
          <a:off x="16230600" y="99558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10809</xdr:rowOff>
    </xdr:from>
    <xdr:ext cx="599010" cy="259045"/>
    <xdr:sp macro="" textlink="">
      <xdr:nvSpPr>
        <xdr:cNvPr id="567" name="教育費最大値テキスト"/>
        <xdr:cNvSpPr txBox="1"/>
      </xdr:nvSpPr>
      <xdr:spPr>
        <a:xfrm>
          <a:off x="16370300" y="85833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12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64132</xdr:rowOff>
    </xdr:from>
    <xdr:to>
      <xdr:col>86</xdr:col>
      <xdr:colOff>25400</xdr:colOff>
      <xdr:row>51</xdr:row>
      <xdr:rowOff>64132</xdr:rowOff>
    </xdr:to>
    <xdr:cxnSp macro="">
      <xdr:nvCxnSpPr>
        <xdr:cNvPr id="568" name="直線コネクタ 567"/>
        <xdr:cNvCxnSpPr/>
      </xdr:nvCxnSpPr>
      <xdr:spPr>
        <a:xfrm>
          <a:off x="16230600" y="8808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1766</xdr:rowOff>
    </xdr:from>
    <xdr:to>
      <xdr:col>85</xdr:col>
      <xdr:colOff>127000</xdr:colOff>
      <xdr:row>58</xdr:row>
      <xdr:rowOff>37385</xdr:rowOff>
    </xdr:to>
    <xdr:cxnSp macro="">
      <xdr:nvCxnSpPr>
        <xdr:cNvPr id="569" name="直線コネクタ 568"/>
        <xdr:cNvCxnSpPr/>
      </xdr:nvCxnSpPr>
      <xdr:spPr>
        <a:xfrm flipV="1">
          <a:off x="15481300" y="9955866"/>
          <a:ext cx="838200" cy="25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59669</xdr:rowOff>
    </xdr:from>
    <xdr:ext cx="534377" cy="259045"/>
    <xdr:sp macro="" textlink="">
      <xdr:nvSpPr>
        <xdr:cNvPr id="570" name="教育費平均値テキスト"/>
        <xdr:cNvSpPr txBox="1"/>
      </xdr:nvSpPr>
      <xdr:spPr>
        <a:xfrm>
          <a:off x="16370300" y="94179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6792</xdr:rowOff>
    </xdr:from>
    <xdr:to>
      <xdr:col>85</xdr:col>
      <xdr:colOff>177800</xdr:colOff>
      <xdr:row>56</xdr:row>
      <xdr:rowOff>66942</xdr:rowOff>
    </xdr:to>
    <xdr:sp macro="" textlink="">
      <xdr:nvSpPr>
        <xdr:cNvPr id="571" name="フローチャート: 判断 570"/>
        <xdr:cNvSpPr/>
      </xdr:nvSpPr>
      <xdr:spPr>
        <a:xfrm>
          <a:off x="16268700" y="9566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9842</xdr:rowOff>
    </xdr:from>
    <xdr:to>
      <xdr:col>81</xdr:col>
      <xdr:colOff>50800</xdr:colOff>
      <xdr:row>58</xdr:row>
      <xdr:rowOff>37385</xdr:rowOff>
    </xdr:to>
    <xdr:cxnSp macro="">
      <xdr:nvCxnSpPr>
        <xdr:cNvPr id="572" name="直線コネクタ 571"/>
        <xdr:cNvCxnSpPr/>
      </xdr:nvCxnSpPr>
      <xdr:spPr>
        <a:xfrm>
          <a:off x="14592300" y="9942492"/>
          <a:ext cx="889000" cy="38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32</xdr:rowOff>
    </xdr:from>
    <xdr:to>
      <xdr:col>81</xdr:col>
      <xdr:colOff>101600</xdr:colOff>
      <xdr:row>56</xdr:row>
      <xdr:rowOff>116532</xdr:rowOff>
    </xdr:to>
    <xdr:sp macro="" textlink="">
      <xdr:nvSpPr>
        <xdr:cNvPr id="573" name="フローチャート: 判断 572"/>
        <xdr:cNvSpPr/>
      </xdr:nvSpPr>
      <xdr:spPr>
        <a:xfrm>
          <a:off x="15430500" y="9616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33059</xdr:rowOff>
    </xdr:from>
    <xdr:ext cx="534377" cy="259045"/>
    <xdr:sp macro="" textlink="">
      <xdr:nvSpPr>
        <xdr:cNvPr id="574" name="テキスト ボックス 573"/>
        <xdr:cNvSpPr txBox="1"/>
      </xdr:nvSpPr>
      <xdr:spPr>
        <a:xfrm>
          <a:off x="15214111" y="9391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69842</xdr:rowOff>
    </xdr:from>
    <xdr:to>
      <xdr:col>76</xdr:col>
      <xdr:colOff>114300</xdr:colOff>
      <xdr:row>58</xdr:row>
      <xdr:rowOff>53060</xdr:rowOff>
    </xdr:to>
    <xdr:cxnSp macro="">
      <xdr:nvCxnSpPr>
        <xdr:cNvPr id="575" name="直線コネクタ 574"/>
        <xdr:cNvCxnSpPr/>
      </xdr:nvCxnSpPr>
      <xdr:spPr>
        <a:xfrm flipV="1">
          <a:off x="13703300" y="9942492"/>
          <a:ext cx="889000" cy="54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13833</xdr:rowOff>
    </xdr:from>
    <xdr:to>
      <xdr:col>76</xdr:col>
      <xdr:colOff>165100</xdr:colOff>
      <xdr:row>57</xdr:row>
      <xdr:rowOff>43983</xdr:rowOff>
    </xdr:to>
    <xdr:sp macro="" textlink="">
      <xdr:nvSpPr>
        <xdr:cNvPr id="576" name="フローチャート: 判断 575"/>
        <xdr:cNvSpPr/>
      </xdr:nvSpPr>
      <xdr:spPr>
        <a:xfrm>
          <a:off x="14541500" y="9715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60510</xdr:rowOff>
    </xdr:from>
    <xdr:ext cx="534377" cy="259045"/>
    <xdr:sp macro="" textlink="">
      <xdr:nvSpPr>
        <xdr:cNvPr id="577" name="テキスト ボックス 576"/>
        <xdr:cNvSpPr txBox="1"/>
      </xdr:nvSpPr>
      <xdr:spPr>
        <a:xfrm>
          <a:off x="14325111" y="9490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53060</xdr:rowOff>
    </xdr:from>
    <xdr:to>
      <xdr:col>71</xdr:col>
      <xdr:colOff>177800</xdr:colOff>
      <xdr:row>58</xdr:row>
      <xdr:rowOff>142427</xdr:rowOff>
    </xdr:to>
    <xdr:cxnSp macro="">
      <xdr:nvCxnSpPr>
        <xdr:cNvPr id="578" name="直線コネクタ 577"/>
        <xdr:cNvCxnSpPr/>
      </xdr:nvCxnSpPr>
      <xdr:spPr>
        <a:xfrm flipV="1">
          <a:off x="12814300" y="9997160"/>
          <a:ext cx="889000" cy="89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31665</xdr:rowOff>
    </xdr:from>
    <xdr:to>
      <xdr:col>72</xdr:col>
      <xdr:colOff>38100</xdr:colOff>
      <xdr:row>57</xdr:row>
      <xdr:rowOff>61815</xdr:rowOff>
    </xdr:to>
    <xdr:sp macro="" textlink="">
      <xdr:nvSpPr>
        <xdr:cNvPr id="579" name="フローチャート: 判断 578"/>
        <xdr:cNvSpPr/>
      </xdr:nvSpPr>
      <xdr:spPr>
        <a:xfrm>
          <a:off x="13652500" y="9732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78342</xdr:rowOff>
    </xdr:from>
    <xdr:ext cx="534377" cy="259045"/>
    <xdr:sp macro="" textlink="">
      <xdr:nvSpPr>
        <xdr:cNvPr id="580" name="テキスト ボックス 579"/>
        <xdr:cNvSpPr txBox="1"/>
      </xdr:nvSpPr>
      <xdr:spPr>
        <a:xfrm>
          <a:off x="13436111" y="9508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6850</xdr:rowOff>
    </xdr:from>
    <xdr:to>
      <xdr:col>67</xdr:col>
      <xdr:colOff>101600</xdr:colOff>
      <xdr:row>57</xdr:row>
      <xdr:rowOff>77000</xdr:rowOff>
    </xdr:to>
    <xdr:sp macro="" textlink="">
      <xdr:nvSpPr>
        <xdr:cNvPr id="581" name="フローチャート: 判断 580"/>
        <xdr:cNvSpPr/>
      </xdr:nvSpPr>
      <xdr:spPr>
        <a:xfrm>
          <a:off x="12763500" y="9748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93527</xdr:rowOff>
    </xdr:from>
    <xdr:ext cx="534377" cy="259045"/>
    <xdr:sp macro="" textlink="">
      <xdr:nvSpPr>
        <xdr:cNvPr id="582" name="テキスト ボックス 581"/>
        <xdr:cNvSpPr txBox="1"/>
      </xdr:nvSpPr>
      <xdr:spPr>
        <a:xfrm>
          <a:off x="12547111" y="9523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416</xdr:rowOff>
    </xdr:from>
    <xdr:to>
      <xdr:col>85</xdr:col>
      <xdr:colOff>177800</xdr:colOff>
      <xdr:row>58</xdr:row>
      <xdr:rowOff>62566</xdr:rowOff>
    </xdr:to>
    <xdr:sp macro="" textlink="">
      <xdr:nvSpPr>
        <xdr:cNvPr id="588" name="楕円 587"/>
        <xdr:cNvSpPr/>
      </xdr:nvSpPr>
      <xdr:spPr>
        <a:xfrm>
          <a:off x="16268700" y="990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47343</xdr:rowOff>
    </xdr:from>
    <xdr:ext cx="534377" cy="259045"/>
    <xdr:sp macro="" textlink="">
      <xdr:nvSpPr>
        <xdr:cNvPr id="589" name="教育費該当値テキスト"/>
        <xdr:cNvSpPr txBox="1"/>
      </xdr:nvSpPr>
      <xdr:spPr>
        <a:xfrm>
          <a:off x="16370300" y="9819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58035</xdr:rowOff>
    </xdr:from>
    <xdr:to>
      <xdr:col>81</xdr:col>
      <xdr:colOff>101600</xdr:colOff>
      <xdr:row>58</xdr:row>
      <xdr:rowOff>88185</xdr:rowOff>
    </xdr:to>
    <xdr:sp macro="" textlink="">
      <xdr:nvSpPr>
        <xdr:cNvPr id="590" name="楕円 589"/>
        <xdr:cNvSpPr/>
      </xdr:nvSpPr>
      <xdr:spPr>
        <a:xfrm>
          <a:off x="15430500" y="9930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79312</xdr:rowOff>
    </xdr:from>
    <xdr:ext cx="534377" cy="259045"/>
    <xdr:sp macro="" textlink="">
      <xdr:nvSpPr>
        <xdr:cNvPr id="591" name="テキスト ボックス 590"/>
        <xdr:cNvSpPr txBox="1"/>
      </xdr:nvSpPr>
      <xdr:spPr>
        <a:xfrm>
          <a:off x="15214111" y="1002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19042</xdr:rowOff>
    </xdr:from>
    <xdr:to>
      <xdr:col>76</xdr:col>
      <xdr:colOff>165100</xdr:colOff>
      <xdr:row>58</xdr:row>
      <xdr:rowOff>49192</xdr:rowOff>
    </xdr:to>
    <xdr:sp macro="" textlink="">
      <xdr:nvSpPr>
        <xdr:cNvPr id="592" name="楕円 591"/>
        <xdr:cNvSpPr/>
      </xdr:nvSpPr>
      <xdr:spPr>
        <a:xfrm>
          <a:off x="14541500" y="9891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40319</xdr:rowOff>
    </xdr:from>
    <xdr:ext cx="534377" cy="259045"/>
    <xdr:sp macro="" textlink="">
      <xdr:nvSpPr>
        <xdr:cNvPr id="593" name="テキスト ボックス 592"/>
        <xdr:cNvSpPr txBox="1"/>
      </xdr:nvSpPr>
      <xdr:spPr>
        <a:xfrm>
          <a:off x="14325111" y="9984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2260</xdr:rowOff>
    </xdr:from>
    <xdr:to>
      <xdr:col>72</xdr:col>
      <xdr:colOff>38100</xdr:colOff>
      <xdr:row>58</xdr:row>
      <xdr:rowOff>103860</xdr:rowOff>
    </xdr:to>
    <xdr:sp macro="" textlink="">
      <xdr:nvSpPr>
        <xdr:cNvPr id="594" name="楕円 593"/>
        <xdr:cNvSpPr/>
      </xdr:nvSpPr>
      <xdr:spPr>
        <a:xfrm>
          <a:off x="13652500" y="994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94987</xdr:rowOff>
    </xdr:from>
    <xdr:ext cx="534377" cy="259045"/>
    <xdr:sp macro="" textlink="">
      <xdr:nvSpPr>
        <xdr:cNvPr id="595" name="テキスト ボックス 594"/>
        <xdr:cNvSpPr txBox="1"/>
      </xdr:nvSpPr>
      <xdr:spPr>
        <a:xfrm>
          <a:off x="13436111" y="10039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91627</xdr:rowOff>
    </xdr:from>
    <xdr:to>
      <xdr:col>67</xdr:col>
      <xdr:colOff>101600</xdr:colOff>
      <xdr:row>59</xdr:row>
      <xdr:rowOff>21777</xdr:rowOff>
    </xdr:to>
    <xdr:sp macro="" textlink="">
      <xdr:nvSpPr>
        <xdr:cNvPr id="596" name="楕円 595"/>
        <xdr:cNvSpPr/>
      </xdr:nvSpPr>
      <xdr:spPr>
        <a:xfrm>
          <a:off x="12763500" y="10035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2904</xdr:rowOff>
    </xdr:from>
    <xdr:ext cx="534377" cy="259045"/>
    <xdr:sp macro="" textlink="">
      <xdr:nvSpPr>
        <xdr:cNvPr id="597" name="テキスト ボックス 596"/>
        <xdr:cNvSpPr txBox="1"/>
      </xdr:nvSpPr>
      <xdr:spPr>
        <a:xfrm>
          <a:off x="12547111" y="10128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3" name="テキスト ボックス 612"/>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5" name="テキスト ボックス 614"/>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7" name="テキスト ボックス 616"/>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4470</xdr:rowOff>
    </xdr:from>
    <xdr:to>
      <xdr:col>85</xdr:col>
      <xdr:colOff>126364</xdr:colOff>
      <xdr:row>79</xdr:row>
      <xdr:rowOff>44450</xdr:rowOff>
    </xdr:to>
    <xdr:cxnSp macro="">
      <xdr:nvCxnSpPr>
        <xdr:cNvPr id="621" name="直線コネクタ 620"/>
        <xdr:cNvCxnSpPr/>
      </xdr:nvCxnSpPr>
      <xdr:spPr>
        <a:xfrm flipV="1">
          <a:off x="16317595" y="12317420"/>
          <a:ext cx="1269" cy="127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66197</xdr:rowOff>
    </xdr:from>
    <xdr:ext cx="249299" cy="259045"/>
    <xdr:sp macro="" textlink="">
      <xdr:nvSpPr>
        <xdr:cNvPr id="622" name="災害復旧費最小値テキスト"/>
        <xdr:cNvSpPr txBox="1"/>
      </xdr:nvSpPr>
      <xdr:spPr>
        <a:xfrm>
          <a:off x="16370300" y="1361074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3" name="直線コネクタ 622"/>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1147</xdr:rowOff>
    </xdr:from>
    <xdr:ext cx="599010" cy="259045"/>
    <xdr:sp macro="" textlink="">
      <xdr:nvSpPr>
        <xdr:cNvPr id="624" name="災害復旧費最大値テキスト"/>
        <xdr:cNvSpPr txBox="1"/>
      </xdr:nvSpPr>
      <xdr:spPr>
        <a:xfrm>
          <a:off x="16370300" y="120926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6,87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4470</xdr:rowOff>
    </xdr:from>
    <xdr:to>
      <xdr:col>86</xdr:col>
      <xdr:colOff>25400</xdr:colOff>
      <xdr:row>71</xdr:row>
      <xdr:rowOff>144470</xdr:rowOff>
    </xdr:to>
    <xdr:cxnSp macro="">
      <xdr:nvCxnSpPr>
        <xdr:cNvPr id="625" name="直線コネクタ 624"/>
        <xdr:cNvCxnSpPr/>
      </xdr:nvCxnSpPr>
      <xdr:spPr>
        <a:xfrm>
          <a:off x="16230600" y="12317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26" name="直線コネクタ 625"/>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5097</xdr:rowOff>
    </xdr:from>
    <xdr:ext cx="469744" cy="259045"/>
    <xdr:sp macro="" textlink="">
      <xdr:nvSpPr>
        <xdr:cNvPr id="627" name="災害復旧費平均値テキスト"/>
        <xdr:cNvSpPr txBox="1"/>
      </xdr:nvSpPr>
      <xdr:spPr>
        <a:xfrm>
          <a:off x="16370300" y="13356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2220</xdr:rowOff>
    </xdr:from>
    <xdr:to>
      <xdr:col>85</xdr:col>
      <xdr:colOff>177800</xdr:colOff>
      <xdr:row>79</xdr:row>
      <xdr:rowOff>62370</xdr:rowOff>
    </xdr:to>
    <xdr:sp macro="" textlink="">
      <xdr:nvSpPr>
        <xdr:cNvPr id="628" name="フローチャート: 判断 627"/>
        <xdr:cNvSpPr/>
      </xdr:nvSpPr>
      <xdr:spPr>
        <a:xfrm>
          <a:off x="16268700" y="1350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29" name="直線コネクタ 628"/>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39695</xdr:rowOff>
    </xdr:from>
    <xdr:to>
      <xdr:col>81</xdr:col>
      <xdr:colOff>101600</xdr:colOff>
      <xdr:row>79</xdr:row>
      <xdr:rowOff>69845</xdr:rowOff>
    </xdr:to>
    <xdr:sp macro="" textlink="">
      <xdr:nvSpPr>
        <xdr:cNvPr id="630" name="フローチャート: 判断 629"/>
        <xdr:cNvSpPr/>
      </xdr:nvSpPr>
      <xdr:spPr>
        <a:xfrm>
          <a:off x="15430500" y="13512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86372</xdr:rowOff>
    </xdr:from>
    <xdr:ext cx="469744" cy="259045"/>
    <xdr:sp macro="" textlink="">
      <xdr:nvSpPr>
        <xdr:cNvPr id="631" name="テキスト ボックス 630"/>
        <xdr:cNvSpPr txBox="1"/>
      </xdr:nvSpPr>
      <xdr:spPr>
        <a:xfrm>
          <a:off x="15246428" y="13288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32" name="直線コネクタ 631"/>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48512</xdr:rowOff>
    </xdr:from>
    <xdr:to>
      <xdr:col>76</xdr:col>
      <xdr:colOff>165100</xdr:colOff>
      <xdr:row>79</xdr:row>
      <xdr:rowOff>78662</xdr:rowOff>
    </xdr:to>
    <xdr:sp macro="" textlink="">
      <xdr:nvSpPr>
        <xdr:cNvPr id="633" name="フローチャート: 判断 632"/>
        <xdr:cNvSpPr/>
      </xdr:nvSpPr>
      <xdr:spPr>
        <a:xfrm>
          <a:off x="14541500" y="13521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95189</xdr:rowOff>
    </xdr:from>
    <xdr:ext cx="469744" cy="259045"/>
    <xdr:sp macro="" textlink="">
      <xdr:nvSpPr>
        <xdr:cNvPr id="634" name="テキスト ボックス 633"/>
        <xdr:cNvSpPr txBox="1"/>
      </xdr:nvSpPr>
      <xdr:spPr>
        <a:xfrm>
          <a:off x="14357428" y="13296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35" name="直線コネクタ 634"/>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55133</xdr:rowOff>
    </xdr:from>
    <xdr:to>
      <xdr:col>72</xdr:col>
      <xdr:colOff>38100</xdr:colOff>
      <xdr:row>79</xdr:row>
      <xdr:rowOff>85283</xdr:rowOff>
    </xdr:to>
    <xdr:sp macro="" textlink="">
      <xdr:nvSpPr>
        <xdr:cNvPr id="636" name="フローチャート: 判断 635"/>
        <xdr:cNvSpPr/>
      </xdr:nvSpPr>
      <xdr:spPr>
        <a:xfrm>
          <a:off x="13652500" y="13528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01810</xdr:rowOff>
    </xdr:from>
    <xdr:ext cx="469744" cy="259045"/>
    <xdr:sp macro="" textlink="">
      <xdr:nvSpPr>
        <xdr:cNvPr id="637" name="テキスト ボックス 636"/>
        <xdr:cNvSpPr txBox="1"/>
      </xdr:nvSpPr>
      <xdr:spPr>
        <a:xfrm>
          <a:off x="13468428" y="13303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47475</xdr:rowOff>
    </xdr:from>
    <xdr:to>
      <xdr:col>67</xdr:col>
      <xdr:colOff>101600</xdr:colOff>
      <xdr:row>79</xdr:row>
      <xdr:rowOff>77625</xdr:rowOff>
    </xdr:to>
    <xdr:sp macro="" textlink="">
      <xdr:nvSpPr>
        <xdr:cNvPr id="638" name="フローチャート: 判断 637"/>
        <xdr:cNvSpPr/>
      </xdr:nvSpPr>
      <xdr:spPr>
        <a:xfrm>
          <a:off x="12763500" y="1352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94152</xdr:rowOff>
    </xdr:from>
    <xdr:ext cx="469744" cy="259045"/>
    <xdr:sp macro="" textlink="">
      <xdr:nvSpPr>
        <xdr:cNvPr id="639" name="テキスト ボックス 638"/>
        <xdr:cNvSpPr txBox="1"/>
      </xdr:nvSpPr>
      <xdr:spPr>
        <a:xfrm>
          <a:off x="12579428" y="13295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5" name="楕円 644"/>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10647</xdr:rowOff>
    </xdr:from>
    <xdr:ext cx="249299" cy="259045"/>
    <xdr:sp macro="" textlink="">
      <xdr:nvSpPr>
        <xdr:cNvPr id="646" name="災害復旧費該当値テキスト"/>
        <xdr:cNvSpPr txBox="1"/>
      </xdr:nvSpPr>
      <xdr:spPr>
        <a:xfrm>
          <a:off x="16370300" y="1348374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47" name="楕円 646"/>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48" name="テキスト ボックス 647"/>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49" name="楕円 648"/>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50" name="テキスト ボックス 649"/>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1" name="楕円 650"/>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2" name="テキスト ボックス 651"/>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3" name="楕円 652"/>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4" name="テキスト ボックス 653"/>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63157</xdr:rowOff>
    </xdr:from>
    <xdr:to>
      <xdr:col>85</xdr:col>
      <xdr:colOff>126364</xdr:colOff>
      <xdr:row>98</xdr:row>
      <xdr:rowOff>37954</xdr:rowOff>
    </xdr:to>
    <xdr:cxnSp macro="">
      <xdr:nvCxnSpPr>
        <xdr:cNvPr id="678" name="直線コネクタ 677"/>
        <xdr:cNvCxnSpPr/>
      </xdr:nvCxnSpPr>
      <xdr:spPr>
        <a:xfrm flipV="1">
          <a:off x="16317595" y="15493657"/>
          <a:ext cx="1269" cy="1346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1781</xdr:rowOff>
    </xdr:from>
    <xdr:ext cx="469744" cy="259045"/>
    <xdr:sp macro="" textlink="">
      <xdr:nvSpPr>
        <xdr:cNvPr id="679" name="公債費最小値テキスト"/>
        <xdr:cNvSpPr txBox="1"/>
      </xdr:nvSpPr>
      <xdr:spPr>
        <a:xfrm>
          <a:off x="16370300" y="16843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7954</xdr:rowOff>
    </xdr:from>
    <xdr:to>
      <xdr:col>86</xdr:col>
      <xdr:colOff>25400</xdr:colOff>
      <xdr:row>98</xdr:row>
      <xdr:rowOff>37954</xdr:rowOff>
    </xdr:to>
    <xdr:cxnSp macro="">
      <xdr:nvCxnSpPr>
        <xdr:cNvPr id="680" name="直線コネクタ 679"/>
        <xdr:cNvCxnSpPr/>
      </xdr:nvCxnSpPr>
      <xdr:spPr>
        <a:xfrm>
          <a:off x="16230600" y="16840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9834</xdr:rowOff>
    </xdr:from>
    <xdr:ext cx="534377" cy="259045"/>
    <xdr:sp macro="" textlink="">
      <xdr:nvSpPr>
        <xdr:cNvPr id="681" name="公債費最大値テキスト"/>
        <xdr:cNvSpPr txBox="1"/>
      </xdr:nvSpPr>
      <xdr:spPr>
        <a:xfrm>
          <a:off x="16370300" y="15268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01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63157</xdr:rowOff>
    </xdr:from>
    <xdr:to>
      <xdr:col>86</xdr:col>
      <xdr:colOff>25400</xdr:colOff>
      <xdr:row>90</xdr:row>
      <xdr:rowOff>63157</xdr:rowOff>
    </xdr:to>
    <xdr:cxnSp macro="">
      <xdr:nvCxnSpPr>
        <xdr:cNvPr id="682" name="直線コネクタ 681"/>
        <xdr:cNvCxnSpPr/>
      </xdr:nvCxnSpPr>
      <xdr:spPr>
        <a:xfrm>
          <a:off x="16230600" y="15493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07144</xdr:rowOff>
    </xdr:from>
    <xdr:to>
      <xdr:col>85</xdr:col>
      <xdr:colOff>127000</xdr:colOff>
      <xdr:row>96</xdr:row>
      <xdr:rowOff>111277</xdr:rowOff>
    </xdr:to>
    <xdr:cxnSp macro="">
      <xdr:nvCxnSpPr>
        <xdr:cNvPr id="683" name="直線コネクタ 682"/>
        <xdr:cNvCxnSpPr/>
      </xdr:nvCxnSpPr>
      <xdr:spPr>
        <a:xfrm flipV="1">
          <a:off x="15481300" y="16566344"/>
          <a:ext cx="838200" cy="4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117378</xdr:rowOff>
    </xdr:from>
    <xdr:ext cx="534377" cy="259045"/>
    <xdr:sp macro="" textlink="">
      <xdr:nvSpPr>
        <xdr:cNvPr id="684" name="公債費平均値テキスト"/>
        <xdr:cNvSpPr txBox="1"/>
      </xdr:nvSpPr>
      <xdr:spPr>
        <a:xfrm>
          <a:off x="16370300" y="160622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94501</xdr:rowOff>
    </xdr:from>
    <xdr:to>
      <xdr:col>85</xdr:col>
      <xdr:colOff>177800</xdr:colOff>
      <xdr:row>95</xdr:row>
      <xdr:rowOff>24651</xdr:rowOff>
    </xdr:to>
    <xdr:sp macro="" textlink="">
      <xdr:nvSpPr>
        <xdr:cNvPr id="685" name="フローチャート: 判断 684"/>
        <xdr:cNvSpPr/>
      </xdr:nvSpPr>
      <xdr:spPr>
        <a:xfrm>
          <a:off x="16268700" y="16210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11277</xdr:rowOff>
    </xdr:from>
    <xdr:to>
      <xdr:col>81</xdr:col>
      <xdr:colOff>50800</xdr:colOff>
      <xdr:row>96</xdr:row>
      <xdr:rowOff>122041</xdr:rowOff>
    </xdr:to>
    <xdr:cxnSp macro="">
      <xdr:nvCxnSpPr>
        <xdr:cNvPr id="686" name="直線コネクタ 685"/>
        <xdr:cNvCxnSpPr/>
      </xdr:nvCxnSpPr>
      <xdr:spPr>
        <a:xfrm flipV="1">
          <a:off x="14592300" y="16570477"/>
          <a:ext cx="889000" cy="10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82080</xdr:rowOff>
    </xdr:from>
    <xdr:to>
      <xdr:col>81</xdr:col>
      <xdr:colOff>101600</xdr:colOff>
      <xdr:row>95</xdr:row>
      <xdr:rowOff>12230</xdr:rowOff>
    </xdr:to>
    <xdr:sp macro="" textlink="">
      <xdr:nvSpPr>
        <xdr:cNvPr id="687" name="フローチャート: 判断 686"/>
        <xdr:cNvSpPr/>
      </xdr:nvSpPr>
      <xdr:spPr>
        <a:xfrm>
          <a:off x="15430500" y="16198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28757</xdr:rowOff>
    </xdr:from>
    <xdr:ext cx="534377" cy="259045"/>
    <xdr:sp macro="" textlink="">
      <xdr:nvSpPr>
        <xdr:cNvPr id="688" name="テキスト ボックス 687"/>
        <xdr:cNvSpPr txBox="1"/>
      </xdr:nvSpPr>
      <xdr:spPr>
        <a:xfrm>
          <a:off x="15214111" y="15973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22041</xdr:rowOff>
    </xdr:from>
    <xdr:to>
      <xdr:col>76</xdr:col>
      <xdr:colOff>114300</xdr:colOff>
      <xdr:row>96</xdr:row>
      <xdr:rowOff>135567</xdr:rowOff>
    </xdr:to>
    <xdr:cxnSp macro="">
      <xdr:nvCxnSpPr>
        <xdr:cNvPr id="689" name="直線コネクタ 688"/>
        <xdr:cNvCxnSpPr/>
      </xdr:nvCxnSpPr>
      <xdr:spPr>
        <a:xfrm flipV="1">
          <a:off x="13703300" y="16581241"/>
          <a:ext cx="889000" cy="13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70650</xdr:rowOff>
    </xdr:from>
    <xdr:to>
      <xdr:col>76</xdr:col>
      <xdr:colOff>165100</xdr:colOff>
      <xdr:row>95</xdr:row>
      <xdr:rowOff>800</xdr:rowOff>
    </xdr:to>
    <xdr:sp macro="" textlink="">
      <xdr:nvSpPr>
        <xdr:cNvPr id="690" name="フローチャート: 判断 689"/>
        <xdr:cNvSpPr/>
      </xdr:nvSpPr>
      <xdr:spPr>
        <a:xfrm>
          <a:off x="14541500" y="161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7327</xdr:rowOff>
    </xdr:from>
    <xdr:ext cx="534377" cy="259045"/>
    <xdr:sp macro="" textlink="">
      <xdr:nvSpPr>
        <xdr:cNvPr id="691" name="テキスト ボックス 690"/>
        <xdr:cNvSpPr txBox="1"/>
      </xdr:nvSpPr>
      <xdr:spPr>
        <a:xfrm>
          <a:off x="14325111" y="15962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35567</xdr:rowOff>
    </xdr:from>
    <xdr:to>
      <xdr:col>71</xdr:col>
      <xdr:colOff>177800</xdr:colOff>
      <xdr:row>96</xdr:row>
      <xdr:rowOff>142920</xdr:rowOff>
    </xdr:to>
    <xdr:cxnSp macro="">
      <xdr:nvCxnSpPr>
        <xdr:cNvPr id="692" name="直線コネクタ 691"/>
        <xdr:cNvCxnSpPr/>
      </xdr:nvCxnSpPr>
      <xdr:spPr>
        <a:xfrm flipV="1">
          <a:off x="12814300" y="16594767"/>
          <a:ext cx="889000" cy="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73889</xdr:rowOff>
    </xdr:from>
    <xdr:to>
      <xdr:col>72</xdr:col>
      <xdr:colOff>38100</xdr:colOff>
      <xdr:row>95</xdr:row>
      <xdr:rowOff>4039</xdr:rowOff>
    </xdr:to>
    <xdr:sp macro="" textlink="">
      <xdr:nvSpPr>
        <xdr:cNvPr id="693" name="フローチャート: 判断 692"/>
        <xdr:cNvSpPr/>
      </xdr:nvSpPr>
      <xdr:spPr>
        <a:xfrm>
          <a:off x="13652500" y="16190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20566</xdr:rowOff>
    </xdr:from>
    <xdr:ext cx="534377" cy="259045"/>
    <xdr:sp macro="" textlink="">
      <xdr:nvSpPr>
        <xdr:cNvPr id="694" name="テキスト ボックス 693"/>
        <xdr:cNvSpPr txBox="1"/>
      </xdr:nvSpPr>
      <xdr:spPr>
        <a:xfrm>
          <a:off x="13436111" y="15965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74098</xdr:rowOff>
    </xdr:from>
    <xdr:to>
      <xdr:col>67</xdr:col>
      <xdr:colOff>101600</xdr:colOff>
      <xdr:row>95</xdr:row>
      <xdr:rowOff>4248</xdr:rowOff>
    </xdr:to>
    <xdr:sp macro="" textlink="">
      <xdr:nvSpPr>
        <xdr:cNvPr id="695" name="フローチャート: 判断 694"/>
        <xdr:cNvSpPr/>
      </xdr:nvSpPr>
      <xdr:spPr>
        <a:xfrm>
          <a:off x="12763500" y="16190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20775</xdr:rowOff>
    </xdr:from>
    <xdr:ext cx="534377" cy="259045"/>
    <xdr:sp macro="" textlink="">
      <xdr:nvSpPr>
        <xdr:cNvPr id="696" name="テキスト ボックス 695"/>
        <xdr:cNvSpPr txBox="1"/>
      </xdr:nvSpPr>
      <xdr:spPr>
        <a:xfrm>
          <a:off x="12547111" y="15965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6344</xdr:rowOff>
    </xdr:from>
    <xdr:to>
      <xdr:col>85</xdr:col>
      <xdr:colOff>177800</xdr:colOff>
      <xdr:row>96</xdr:row>
      <xdr:rowOff>157944</xdr:rowOff>
    </xdr:to>
    <xdr:sp macro="" textlink="">
      <xdr:nvSpPr>
        <xdr:cNvPr id="702" name="楕円 701"/>
        <xdr:cNvSpPr/>
      </xdr:nvSpPr>
      <xdr:spPr>
        <a:xfrm>
          <a:off x="16268700" y="1651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34771</xdr:rowOff>
    </xdr:from>
    <xdr:ext cx="534377" cy="259045"/>
    <xdr:sp macro="" textlink="">
      <xdr:nvSpPr>
        <xdr:cNvPr id="703" name="公債費該当値テキスト"/>
        <xdr:cNvSpPr txBox="1"/>
      </xdr:nvSpPr>
      <xdr:spPr>
        <a:xfrm>
          <a:off x="16370300" y="16493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60477</xdr:rowOff>
    </xdr:from>
    <xdr:to>
      <xdr:col>81</xdr:col>
      <xdr:colOff>101600</xdr:colOff>
      <xdr:row>96</xdr:row>
      <xdr:rowOff>162077</xdr:rowOff>
    </xdr:to>
    <xdr:sp macro="" textlink="">
      <xdr:nvSpPr>
        <xdr:cNvPr id="704" name="楕円 703"/>
        <xdr:cNvSpPr/>
      </xdr:nvSpPr>
      <xdr:spPr>
        <a:xfrm>
          <a:off x="15430500" y="16519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3204</xdr:rowOff>
    </xdr:from>
    <xdr:ext cx="534377" cy="259045"/>
    <xdr:sp macro="" textlink="">
      <xdr:nvSpPr>
        <xdr:cNvPr id="705" name="テキスト ボックス 704"/>
        <xdr:cNvSpPr txBox="1"/>
      </xdr:nvSpPr>
      <xdr:spPr>
        <a:xfrm>
          <a:off x="15214111" y="16612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71241</xdr:rowOff>
    </xdr:from>
    <xdr:to>
      <xdr:col>76</xdr:col>
      <xdr:colOff>165100</xdr:colOff>
      <xdr:row>97</xdr:row>
      <xdr:rowOff>1391</xdr:rowOff>
    </xdr:to>
    <xdr:sp macro="" textlink="">
      <xdr:nvSpPr>
        <xdr:cNvPr id="706" name="楕円 705"/>
        <xdr:cNvSpPr/>
      </xdr:nvSpPr>
      <xdr:spPr>
        <a:xfrm>
          <a:off x="14541500" y="16530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63968</xdr:rowOff>
    </xdr:from>
    <xdr:ext cx="534377" cy="259045"/>
    <xdr:sp macro="" textlink="">
      <xdr:nvSpPr>
        <xdr:cNvPr id="707" name="テキスト ボックス 706"/>
        <xdr:cNvSpPr txBox="1"/>
      </xdr:nvSpPr>
      <xdr:spPr>
        <a:xfrm>
          <a:off x="14325111" y="16623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84767</xdr:rowOff>
    </xdr:from>
    <xdr:to>
      <xdr:col>72</xdr:col>
      <xdr:colOff>38100</xdr:colOff>
      <xdr:row>97</xdr:row>
      <xdr:rowOff>14917</xdr:rowOff>
    </xdr:to>
    <xdr:sp macro="" textlink="">
      <xdr:nvSpPr>
        <xdr:cNvPr id="708" name="楕円 707"/>
        <xdr:cNvSpPr/>
      </xdr:nvSpPr>
      <xdr:spPr>
        <a:xfrm>
          <a:off x="13652500" y="16543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044</xdr:rowOff>
    </xdr:from>
    <xdr:ext cx="534377" cy="259045"/>
    <xdr:sp macro="" textlink="">
      <xdr:nvSpPr>
        <xdr:cNvPr id="709" name="テキスト ボックス 708"/>
        <xdr:cNvSpPr txBox="1"/>
      </xdr:nvSpPr>
      <xdr:spPr>
        <a:xfrm>
          <a:off x="13436111" y="16636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2120</xdr:rowOff>
    </xdr:from>
    <xdr:to>
      <xdr:col>67</xdr:col>
      <xdr:colOff>101600</xdr:colOff>
      <xdr:row>97</xdr:row>
      <xdr:rowOff>22270</xdr:rowOff>
    </xdr:to>
    <xdr:sp macro="" textlink="">
      <xdr:nvSpPr>
        <xdr:cNvPr id="710" name="楕円 709"/>
        <xdr:cNvSpPr/>
      </xdr:nvSpPr>
      <xdr:spPr>
        <a:xfrm>
          <a:off x="12763500" y="1655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3397</xdr:rowOff>
    </xdr:from>
    <xdr:ext cx="534377" cy="259045"/>
    <xdr:sp macro="" textlink="">
      <xdr:nvSpPr>
        <xdr:cNvPr id="711" name="テキスト ボックス 710"/>
        <xdr:cNvSpPr txBox="1"/>
      </xdr:nvSpPr>
      <xdr:spPr>
        <a:xfrm>
          <a:off x="12547111" y="16644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2" name="直線コネクタ 721"/>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3" name="テキスト ボックス 722"/>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4" name="直線コネクタ 723"/>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5" name="テキスト ボックス 724"/>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6" name="直線コネクタ 725"/>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7" name="テキスト ボックス 726"/>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8" name="直線コネクタ 727"/>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29" name="テキスト ボックス 728"/>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1" name="テキスト ボックス 73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055</xdr:rowOff>
    </xdr:from>
    <xdr:to>
      <xdr:col>116</xdr:col>
      <xdr:colOff>62864</xdr:colOff>
      <xdr:row>38</xdr:row>
      <xdr:rowOff>139700</xdr:rowOff>
    </xdr:to>
    <xdr:cxnSp macro="">
      <xdr:nvCxnSpPr>
        <xdr:cNvPr id="733" name="直線コネクタ 732"/>
        <xdr:cNvCxnSpPr/>
      </xdr:nvCxnSpPr>
      <xdr:spPr>
        <a:xfrm flipV="1">
          <a:off x="22159595" y="5148555"/>
          <a:ext cx="1269" cy="1506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189</xdr:rowOff>
    </xdr:from>
    <xdr:ext cx="249299" cy="259045"/>
    <xdr:sp macro="" textlink="">
      <xdr:nvSpPr>
        <xdr:cNvPr id="734" name="諸支出金最小値テキスト"/>
        <xdr:cNvSpPr txBox="1"/>
      </xdr:nvSpPr>
      <xdr:spPr>
        <a:xfrm>
          <a:off x="22212300" y="669273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5" name="直線コネクタ 734"/>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23182</xdr:rowOff>
    </xdr:from>
    <xdr:ext cx="469744" cy="259045"/>
    <xdr:sp macro="" textlink="">
      <xdr:nvSpPr>
        <xdr:cNvPr id="736" name="諸支出金最大値テキスト"/>
        <xdr:cNvSpPr txBox="1"/>
      </xdr:nvSpPr>
      <xdr:spPr>
        <a:xfrm>
          <a:off x="22212300" y="4923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8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5055</xdr:rowOff>
    </xdr:from>
    <xdr:to>
      <xdr:col>116</xdr:col>
      <xdr:colOff>152400</xdr:colOff>
      <xdr:row>30</xdr:row>
      <xdr:rowOff>5055</xdr:rowOff>
    </xdr:to>
    <xdr:cxnSp macro="">
      <xdr:nvCxnSpPr>
        <xdr:cNvPr id="737" name="直線コネクタ 736"/>
        <xdr:cNvCxnSpPr/>
      </xdr:nvCxnSpPr>
      <xdr:spPr>
        <a:xfrm>
          <a:off x="22072600" y="5148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8" name="直線コネクタ 737"/>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5089</xdr:rowOff>
    </xdr:from>
    <xdr:ext cx="313932" cy="259045"/>
    <xdr:sp macro="" textlink="">
      <xdr:nvSpPr>
        <xdr:cNvPr id="739" name="諸支出金平均値テキスト"/>
        <xdr:cNvSpPr txBox="1"/>
      </xdr:nvSpPr>
      <xdr:spPr>
        <a:xfrm>
          <a:off x="22212300" y="643873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2212</xdr:rowOff>
    </xdr:from>
    <xdr:to>
      <xdr:col>116</xdr:col>
      <xdr:colOff>114300</xdr:colOff>
      <xdr:row>39</xdr:row>
      <xdr:rowOff>2362</xdr:rowOff>
    </xdr:to>
    <xdr:sp macro="" textlink="">
      <xdr:nvSpPr>
        <xdr:cNvPr id="740" name="フローチャート: 判断 739"/>
        <xdr:cNvSpPr/>
      </xdr:nvSpPr>
      <xdr:spPr>
        <a:xfrm>
          <a:off x="22110700" y="6587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1" name="直線コネクタ 740"/>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8555</xdr:rowOff>
    </xdr:from>
    <xdr:to>
      <xdr:col>112</xdr:col>
      <xdr:colOff>38100</xdr:colOff>
      <xdr:row>38</xdr:row>
      <xdr:rowOff>170155</xdr:rowOff>
    </xdr:to>
    <xdr:sp macro="" textlink="">
      <xdr:nvSpPr>
        <xdr:cNvPr id="742" name="フローチャート: 判断 741"/>
        <xdr:cNvSpPr/>
      </xdr:nvSpPr>
      <xdr:spPr>
        <a:xfrm>
          <a:off x="21272500" y="658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232</xdr:rowOff>
    </xdr:from>
    <xdr:ext cx="313932" cy="259045"/>
    <xdr:sp macro="" textlink="">
      <xdr:nvSpPr>
        <xdr:cNvPr id="743" name="テキスト ボックス 742"/>
        <xdr:cNvSpPr txBox="1"/>
      </xdr:nvSpPr>
      <xdr:spPr>
        <a:xfrm>
          <a:off x="21166333" y="635888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4" name="直線コネクタ 743"/>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8555</xdr:rowOff>
    </xdr:from>
    <xdr:to>
      <xdr:col>107</xdr:col>
      <xdr:colOff>101600</xdr:colOff>
      <xdr:row>38</xdr:row>
      <xdr:rowOff>170155</xdr:rowOff>
    </xdr:to>
    <xdr:sp macro="" textlink="">
      <xdr:nvSpPr>
        <xdr:cNvPr id="745" name="フローチャート: 判断 744"/>
        <xdr:cNvSpPr/>
      </xdr:nvSpPr>
      <xdr:spPr>
        <a:xfrm>
          <a:off x="20383500" y="658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5232</xdr:rowOff>
    </xdr:from>
    <xdr:ext cx="313932" cy="259045"/>
    <xdr:sp macro="" textlink="">
      <xdr:nvSpPr>
        <xdr:cNvPr id="746" name="テキスト ボックス 745"/>
        <xdr:cNvSpPr txBox="1"/>
      </xdr:nvSpPr>
      <xdr:spPr>
        <a:xfrm>
          <a:off x="20277333" y="635888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7" name="直線コネクタ 746"/>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7236</xdr:rowOff>
    </xdr:from>
    <xdr:to>
      <xdr:col>102</xdr:col>
      <xdr:colOff>165100</xdr:colOff>
      <xdr:row>38</xdr:row>
      <xdr:rowOff>138836</xdr:rowOff>
    </xdr:to>
    <xdr:sp macro="" textlink="">
      <xdr:nvSpPr>
        <xdr:cNvPr id="748" name="フローチャート: 判断 747"/>
        <xdr:cNvSpPr/>
      </xdr:nvSpPr>
      <xdr:spPr>
        <a:xfrm>
          <a:off x="19494500" y="655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5363</xdr:rowOff>
    </xdr:from>
    <xdr:ext cx="378565" cy="259045"/>
    <xdr:sp macro="" textlink="">
      <xdr:nvSpPr>
        <xdr:cNvPr id="749" name="テキスト ボックス 748"/>
        <xdr:cNvSpPr txBox="1"/>
      </xdr:nvSpPr>
      <xdr:spPr>
        <a:xfrm>
          <a:off x="19356017" y="63275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7178</xdr:rowOff>
    </xdr:from>
    <xdr:to>
      <xdr:col>98</xdr:col>
      <xdr:colOff>38100</xdr:colOff>
      <xdr:row>38</xdr:row>
      <xdr:rowOff>128778</xdr:rowOff>
    </xdr:to>
    <xdr:sp macro="" textlink="">
      <xdr:nvSpPr>
        <xdr:cNvPr id="750" name="フローチャート: 判断 749"/>
        <xdr:cNvSpPr/>
      </xdr:nvSpPr>
      <xdr:spPr>
        <a:xfrm>
          <a:off x="18605500" y="6542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45305</xdr:rowOff>
    </xdr:from>
    <xdr:ext cx="378565" cy="259045"/>
    <xdr:sp macro="" textlink="">
      <xdr:nvSpPr>
        <xdr:cNvPr id="751" name="テキスト ボックス 750"/>
        <xdr:cNvSpPr txBox="1"/>
      </xdr:nvSpPr>
      <xdr:spPr>
        <a:xfrm>
          <a:off x="18467017" y="63175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7" name="楕円 756"/>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50639</xdr:rowOff>
    </xdr:from>
    <xdr:ext cx="249299" cy="259045"/>
    <xdr:sp macro="" textlink="">
      <xdr:nvSpPr>
        <xdr:cNvPr id="758" name="諸支出金該当値テキスト"/>
        <xdr:cNvSpPr txBox="1"/>
      </xdr:nvSpPr>
      <xdr:spPr>
        <a:xfrm>
          <a:off x="22212300" y="656573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9" name="楕円 758"/>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0" name="テキスト ボックス 759"/>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1" name="楕円 760"/>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2" name="テキスト ボックス 761"/>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3" name="楕円 762"/>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4" name="テキスト ボックス 763"/>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5" name="楕円 764"/>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6" name="テキスト ボックス 765"/>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7" name="直線コネクタ 77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8" name="テキスト ボックス 77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9" name="直線コネクタ 77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0" name="テキスト ボックス 77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2" name="直線コネクタ 78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4" name="直線コネクタ 78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7" name="直線コネクタ 78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9" name="フローチャート: 判断 78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0" name="直線コネクタ 78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1" name="フローチャート: 判断 79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2" name="テキスト ボックス 79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3" name="直線コネクタ 79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4" name="フローチャート: 判断 79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5" name="テキスト ボックス 79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6" name="直線コネクタ 79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7" name="フローチャート: 判断 79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8" name="テキスト ボックス 79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9" name="フローチャート: 判断 79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0" name="テキスト ボックス 79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1" name="テキスト ボックス 80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2" name="テキスト ボックス 80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3" name="テキスト ボックス 80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4" name="テキスト ボックス 80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5" name="テキスト ボックス 80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楕円 80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8" name="楕円 80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9" name="テキスト ボックス 80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0" name="楕円 80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1" name="テキスト ボックス 81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2" name="楕円 81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3" name="テキスト ボックス 81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4" name="楕円 81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5" name="テキスト ボックス 81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6" name="正方形/長方形 81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7" name="正方形/長方形 81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8" name="テキスト ボックス 81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総務費は</a:t>
          </a:r>
          <a:r>
            <a:rPr kumimoji="1" lang="ja-JP" altLang="ja-JP" sz="1100">
              <a:solidFill>
                <a:schemeClr val="dk1"/>
              </a:solidFill>
              <a:effectLst/>
              <a:latin typeface="+mn-lt"/>
              <a:ea typeface="+mn-ea"/>
              <a:cs typeface="+mn-cs"/>
            </a:rPr>
            <a:t>住民一人当たり</a:t>
          </a:r>
          <a:r>
            <a:rPr kumimoji="1" lang="en-US" altLang="ja-JP" sz="1100">
              <a:solidFill>
                <a:schemeClr val="dk1"/>
              </a:solidFill>
              <a:effectLst/>
              <a:latin typeface="+mn-lt"/>
              <a:ea typeface="+mn-ea"/>
              <a:cs typeface="+mn-cs"/>
            </a:rPr>
            <a:t>144,288</a:t>
          </a:r>
          <a:r>
            <a:rPr kumimoji="1" lang="ja-JP" altLang="ja-JP" sz="1100">
              <a:solidFill>
                <a:schemeClr val="dk1"/>
              </a:solidFill>
              <a:effectLst/>
              <a:latin typeface="+mn-lt"/>
              <a:ea typeface="+mn-ea"/>
              <a:cs typeface="+mn-cs"/>
            </a:rPr>
            <a:t>円となっており、</a:t>
          </a:r>
          <a:r>
            <a:rPr kumimoji="1" lang="ja-JP" altLang="en-US" sz="1100">
              <a:solidFill>
                <a:schemeClr val="dk1"/>
              </a:solidFill>
              <a:effectLst/>
              <a:latin typeface="+mn-lt"/>
              <a:ea typeface="+mn-ea"/>
              <a:cs typeface="+mn-cs"/>
            </a:rPr>
            <a:t>特別定額給付金事業に係る経費の増によるものであ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民生費は住民一人当たり</a:t>
          </a:r>
          <a:r>
            <a:rPr kumimoji="1" lang="en-US" altLang="ja-JP" sz="1100">
              <a:solidFill>
                <a:schemeClr val="dk1"/>
              </a:solidFill>
              <a:effectLst/>
              <a:latin typeface="+mn-lt"/>
              <a:ea typeface="+mn-ea"/>
              <a:cs typeface="+mn-cs"/>
            </a:rPr>
            <a:t>138,401</a:t>
          </a:r>
          <a:r>
            <a:rPr kumimoji="1" lang="ja-JP" altLang="ja-JP" sz="1100">
              <a:solidFill>
                <a:schemeClr val="dk1"/>
              </a:solidFill>
              <a:effectLst/>
              <a:latin typeface="+mn-lt"/>
              <a:ea typeface="+mn-ea"/>
              <a:cs typeface="+mn-cs"/>
            </a:rPr>
            <a:t>円となっている。類似団体平均より下回っているものの、幼児教育・保育無償化</a:t>
          </a:r>
          <a:r>
            <a:rPr kumimoji="1" lang="ja-JP" altLang="en-US" sz="1100">
              <a:solidFill>
                <a:schemeClr val="dk1"/>
              </a:solidFill>
              <a:effectLst/>
              <a:latin typeface="+mn-lt"/>
              <a:ea typeface="+mn-ea"/>
              <a:cs typeface="+mn-cs"/>
            </a:rPr>
            <a:t>や児童扶養手当</a:t>
          </a:r>
          <a:r>
            <a:rPr kumimoji="1" lang="ja-JP" altLang="ja-JP" sz="1100">
              <a:solidFill>
                <a:schemeClr val="dk1"/>
              </a:solidFill>
              <a:effectLst/>
              <a:latin typeface="+mn-lt"/>
              <a:ea typeface="+mn-ea"/>
              <a:cs typeface="+mn-cs"/>
            </a:rPr>
            <a:t>の増などにより、概ね増加傾向にある。</a:t>
          </a:r>
          <a:endParaRPr lang="ja-JP" altLang="ja-JP" sz="1400">
            <a:effectLst/>
          </a:endParaRPr>
        </a:p>
        <a:p>
          <a:r>
            <a:rPr kumimoji="1" lang="ja-JP" altLang="ja-JP" sz="1100">
              <a:solidFill>
                <a:schemeClr val="dk1"/>
              </a:solidFill>
              <a:effectLst/>
              <a:latin typeface="+mn-lt"/>
              <a:ea typeface="+mn-ea"/>
              <a:cs typeface="+mn-cs"/>
            </a:rPr>
            <a:t>　土木費は住民一人当たり</a:t>
          </a:r>
          <a:r>
            <a:rPr kumimoji="1" lang="en-US" altLang="ja-JP" sz="1100">
              <a:solidFill>
                <a:schemeClr val="dk1"/>
              </a:solidFill>
              <a:effectLst/>
              <a:latin typeface="+mn-lt"/>
              <a:ea typeface="+mn-ea"/>
              <a:cs typeface="+mn-cs"/>
            </a:rPr>
            <a:t>38,377</a:t>
          </a:r>
          <a:r>
            <a:rPr kumimoji="1" lang="ja-JP" altLang="ja-JP" sz="1100">
              <a:solidFill>
                <a:schemeClr val="dk1"/>
              </a:solidFill>
              <a:effectLst/>
              <a:latin typeface="+mn-lt"/>
              <a:ea typeface="+mn-ea"/>
              <a:cs typeface="+mn-cs"/>
            </a:rPr>
            <a:t>円となっており、類似団体平均を下回っている。</a:t>
          </a:r>
          <a:r>
            <a:rPr kumimoji="1" lang="ja-JP" altLang="en-US" sz="1100">
              <a:solidFill>
                <a:schemeClr val="dk1"/>
              </a:solidFill>
              <a:effectLst/>
              <a:latin typeface="+mn-lt"/>
              <a:ea typeface="+mn-ea"/>
              <a:cs typeface="+mn-cs"/>
            </a:rPr>
            <a:t>これは</a:t>
          </a:r>
          <a:r>
            <a:rPr kumimoji="1" lang="ja-JP" altLang="ja-JP" sz="1100">
              <a:solidFill>
                <a:schemeClr val="dk1"/>
              </a:solidFill>
              <a:effectLst/>
              <a:latin typeface="+mn-lt"/>
              <a:ea typeface="+mn-ea"/>
              <a:cs typeface="+mn-cs"/>
            </a:rPr>
            <a:t>綾瀬スマートインターチェンジ</a:t>
          </a:r>
          <a:r>
            <a:rPr kumimoji="1" lang="ja-JP" altLang="en-US" sz="1100">
              <a:solidFill>
                <a:schemeClr val="dk1"/>
              </a:solidFill>
              <a:effectLst/>
              <a:latin typeface="+mn-lt"/>
              <a:ea typeface="+mn-ea"/>
              <a:cs typeface="+mn-cs"/>
            </a:rPr>
            <a:t>事業の進捗</a:t>
          </a:r>
          <a:r>
            <a:rPr kumimoji="1" lang="ja-JP" altLang="ja-JP" sz="1100">
              <a:solidFill>
                <a:schemeClr val="dk1"/>
              </a:solidFill>
              <a:effectLst/>
              <a:latin typeface="+mn-lt"/>
              <a:ea typeface="+mn-ea"/>
              <a:cs typeface="+mn-cs"/>
            </a:rPr>
            <a:t>に伴い減少しているためであるが、今後については道の駅整備事業等が予定されていることから増加が予想される。</a:t>
          </a:r>
          <a:endParaRPr lang="ja-JP" altLang="ja-JP" sz="1400">
            <a:effectLst/>
          </a:endParaRPr>
        </a:p>
        <a:p>
          <a:r>
            <a:rPr kumimoji="1" lang="ja-JP" altLang="ja-JP" sz="1100">
              <a:solidFill>
                <a:schemeClr val="dk1"/>
              </a:solidFill>
              <a:effectLst/>
              <a:latin typeface="+mn-lt"/>
              <a:ea typeface="+mn-ea"/>
              <a:cs typeface="+mn-cs"/>
            </a:rPr>
            <a:t>　消防費は住民一人当たり</a:t>
          </a:r>
          <a:r>
            <a:rPr kumimoji="1" lang="en-US" altLang="ja-JP" sz="1100">
              <a:solidFill>
                <a:schemeClr val="dk1"/>
              </a:solidFill>
              <a:effectLst/>
              <a:latin typeface="+mn-lt"/>
              <a:ea typeface="+mn-ea"/>
              <a:cs typeface="+mn-cs"/>
            </a:rPr>
            <a:t>18,733</a:t>
          </a:r>
          <a:r>
            <a:rPr kumimoji="1" lang="ja-JP" altLang="ja-JP" sz="1100">
              <a:solidFill>
                <a:schemeClr val="dk1"/>
              </a:solidFill>
              <a:effectLst/>
              <a:latin typeface="+mn-lt"/>
              <a:ea typeface="+mn-ea"/>
              <a:cs typeface="+mn-cs"/>
            </a:rPr>
            <a:t>円となっており、消防本部庁舎建設</a:t>
          </a:r>
          <a:r>
            <a:rPr kumimoji="1" lang="ja-JP" altLang="en-US" sz="1100">
              <a:solidFill>
                <a:schemeClr val="dk1"/>
              </a:solidFill>
              <a:effectLst/>
              <a:latin typeface="+mn-lt"/>
              <a:ea typeface="+mn-ea"/>
              <a:cs typeface="+mn-cs"/>
            </a:rPr>
            <a:t>完了</a:t>
          </a:r>
          <a:r>
            <a:rPr kumimoji="1" lang="ja-JP" altLang="ja-JP" sz="1100">
              <a:solidFill>
                <a:schemeClr val="dk1"/>
              </a:solidFill>
              <a:effectLst/>
              <a:latin typeface="+mn-lt"/>
              <a:ea typeface="+mn-ea"/>
              <a:cs typeface="+mn-cs"/>
            </a:rPr>
            <a:t>に伴い</a:t>
          </a:r>
          <a:r>
            <a:rPr kumimoji="1" lang="ja-JP" altLang="en-US" sz="1100">
              <a:solidFill>
                <a:schemeClr val="dk1"/>
              </a:solidFill>
              <a:effectLst/>
              <a:latin typeface="+mn-lt"/>
              <a:ea typeface="+mn-ea"/>
              <a:cs typeface="+mn-cs"/>
            </a:rPr>
            <a:t>前年度から減少したが、</a:t>
          </a:r>
          <a:r>
            <a:rPr kumimoji="1" lang="ja-JP" altLang="ja-JP" sz="1100">
              <a:solidFill>
                <a:schemeClr val="dk1"/>
              </a:solidFill>
              <a:effectLst/>
              <a:latin typeface="+mn-lt"/>
              <a:ea typeface="+mn-ea"/>
              <a:cs typeface="+mn-cs"/>
            </a:rPr>
            <a:t>類似団体平均より上回る結果となった。</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実質収支比率は、前年度に比べて</a:t>
          </a:r>
          <a:r>
            <a:rPr kumimoji="1" lang="en-US" altLang="ja-JP" sz="1100">
              <a:solidFill>
                <a:schemeClr val="dk1"/>
              </a:solidFill>
              <a:effectLst/>
              <a:latin typeface="+mn-lt"/>
              <a:ea typeface="+mn-ea"/>
              <a:cs typeface="+mn-cs"/>
            </a:rPr>
            <a:t>1.56</a:t>
          </a:r>
          <a:r>
            <a:rPr kumimoji="1" lang="ja-JP" altLang="ja-JP" sz="1100">
              <a:solidFill>
                <a:schemeClr val="dk1"/>
              </a:solidFill>
              <a:effectLst/>
              <a:latin typeface="+mn-lt"/>
              <a:ea typeface="+mn-ea"/>
              <a:cs typeface="+mn-cs"/>
            </a:rPr>
            <a:t>ポイント増となった。今後も引き続き歳出の抑制に努めるとともに、歳入については地方債の発行を必要最低限にして、規律ある財政運営を行っていく。財政調整基金の標準財政規模に対する割合は、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については活性化応援寄附金</a:t>
          </a:r>
          <a:r>
            <a:rPr kumimoji="1" lang="ja-JP" altLang="en-US" sz="1100">
              <a:solidFill>
                <a:schemeClr val="dk1"/>
              </a:solidFill>
              <a:effectLst/>
              <a:latin typeface="+mn-lt"/>
              <a:ea typeface="+mn-ea"/>
              <a:cs typeface="+mn-cs"/>
            </a:rPr>
            <a:t>や繰越金の一部を積み立てたこと</a:t>
          </a:r>
          <a:r>
            <a:rPr kumimoji="1" lang="ja-JP" altLang="ja-JP" sz="1100">
              <a:solidFill>
                <a:schemeClr val="dk1"/>
              </a:solidFill>
              <a:effectLst/>
              <a:latin typeface="+mn-lt"/>
              <a:ea typeface="+mn-ea"/>
              <a:cs typeface="+mn-cs"/>
            </a:rPr>
            <a:t>により、</a:t>
          </a:r>
          <a:r>
            <a:rPr kumimoji="1" lang="en-US" altLang="ja-JP" sz="1100">
              <a:solidFill>
                <a:schemeClr val="dk1"/>
              </a:solidFill>
              <a:effectLst/>
              <a:latin typeface="+mn-lt"/>
              <a:ea typeface="+mn-ea"/>
              <a:cs typeface="+mn-cs"/>
            </a:rPr>
            <a:t>0.79</a:t>
          </a:r>
          <a:r>
            <a:rPr kumimoji="1" lang="ja-JP" altLang="ja-JP" sz="1100">
              <a:solidFill>
                <a:schemeClr val="dk1"/>
              </a:solidFill>
              <a:effectLst/>
              <a:latin typeface="+mn-lt"/>
              <a:ea typeface="+mn-ea"/>
              <a:cs typeface="+mn-cs"/>
            </a:rPr>
            <a:t>ポイントの増となった。今後も将来の財政リスクに備えるため、標準財政規模の</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程度</a:t>
          </a:r>
          <a:r>
            <a:rPr kumimoji="1" lang="ja-JP" altLang="ja-JP" sz="1100">
              <a:solidFill>
                <a:schemeClr val="dk1"/>
              </a:solidFill>
              <a:effectLst/>
              <a:latin typeface="+mn-lt"/>
              <a:ea typeface="+mn-ea"/>
              <a:cs typeface="+mn-cs"/>
            </a:rPr>
            <a:t>を確保していく。</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綾瀬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全ての特別会計を含んだ連結では黒字となっている。一般会計同様各特別会計</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についても、今後も厳しい財政状況が見込まれることから、引き続き経営健全化に向けて歳出抑制と歳入の確保を図っていく。</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33203125" style="188" customWidth="1"/>
    <col min="13" max="17" width="2.441406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38741486</v>
      </c>
      <c r="BO4" s="433"/>
      <c r="BP4" s="433"/>
      <c r="BQ4" s="433"/>
      <c r="BR4" s="433"/>
      <c r="BS4" s="433"/>
      <c r="BT4" s="433"/>
      <c r="BU4" s="434"/>
      <c r="BV4" s="432">
        <v>30208113</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6.8</v>
      </c>
      <c r="CU4" s="439"/>
      <c r="CV4" s="439"/>
      <c r="CW4" s="439"/>
      <c r="CX4" s="439"/>
      <c r="CY4" s="439"/>
      <c r="CZ4" s="439"/>
      <c r="DA4" s="440"/>
      <c r="DB4" s="438">
        <v>5.2</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37050872</v>
      </c>
      <c r="BO5" s="470"/>
      <c r="BP5" s="470"/>
      <c r="BQ5" s="470"/>
      <c r="BR5" s="470"/>
      <c r="BS5" s="470"/>
      <c r="BT5" s="470"/>
      <c r="BU5" s="471"/>
      <c r="BV5" s="469">
        <v>29215286</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98.4</v>
      </c>
      <c r="CU5" s="467"/>
      <c r="CV5" s="467"/>
      <c r="CW5" s="467"/>
      <c r="CX5" s="467"/>
      <c r="CY5" s="467"/>
      <c r="CZ5" s="467"/>
      <c r="DA5" s="468"/>
      <c r="DB5" s="466">
        <v>96.1</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94</v>
      </c>
      <c r="AV6" s="502"/>
      <c r="AW6" s="502"/>
      <c r="AX6" s="502"/>
      <c r="AY6" s="503" t="s">
        <v>102</v>
      </c>
      <c r="AZ6" s="504"/>
      <c r="BA6" s="504"/>
      <c r="BB6" s="504"/>
      <c r="BC6" s="504"/>
      <c r="BD6" s="504"/>
      <c r="BE6" s="504"/>
      <c r="BF6" s="504"/>
      <c r="BG6" s="504"/>
      <c r="BH6" s="504"/>
      <c r="BI6" s="504"/>
      <c r="BJ6" s="504"/>
      <c r="BK6" s="504"/>
      <c r="BL6" s="504"/>
      <c r="BM6" s="505"/>
      <c r="BN6" s="469">
        <v>1690614</v>
      </c>
      <c r="BO6" s="470"/>
      <c r="BP6" s="470"/>
      <c r="BQ6" s="470"/>
      <c r="BR6" s="470"/>
      <c r="BS6" s="470"/>
      <c r="BT6" s="470"/>
      <c r="BU6" s="471"/>
      <c r="BV6" s="469">
        <v>992827</v>
      </c>
      <c r="BW6" s="470"/>
      <c r="BX6" s="470"/>
      <c r="BY6" s="470"/>
      <c r="BZ6" s="470"/>
      <c r="CA6" s="470"/>
      <c r="CB6" s="470"/>
      <c r="CC6" s="471"/>
      <c r="CD6" s="472" t="s">
        <v>103</v>
      </c>
      <c r="CE6" s="473"/>
      <c r="CF6" s="473"/>
      <c r="CG6" s="473"/>
      <c r="CH6" s="473"/>
      <c r="CI6" s="473"/>
      <c r="CJ6" s="473"/>
      <c r="CK6" s="473"/>
      <c r="CL6" s="473"/>
      <c r="CM6" s="473"/>
      <c r="CN6" s="473"/>
      <c r="CO6" s="473"/>
      <c r="CP6" s="473"/>
      <c r="CQ6" s="473"/>
      <c r="CR6" s="473"/>
      <c r="CS6" s="474"/>
      <c r="CT6" s="506">
        <v>99.5</v>
      </c>
      <c r="CU6" s="507"/>
      <c r="CV6" s="507"/>
      <c r="CW6" s="507"/>
      <c r="CX6" s="507"/>
      <c r="CY6" s="507"/>
      <c r="CZ6" s="507"/>
      <c r="DA6" s="508"/>
      <c r="DB6" s="506">
        <v>100.4</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4</v>
      </c>
      <c r="AN7" s="499"/>
      <c r="AO7" s="499"/>
      <c r="AP7" s="499"/>
      <c r="AQ7" s="499"/>
      <c r="AR7" s="499"/>
      <c r="AS7" s="499"/>
      <c r="AT7" s="500"/>
      <c r="AU7" s="501" t="s">
        <v>105</v>
      </c>
      <c r="AV7" s="502"/>
      <c r="AW7" s="502"/>
      <c r="AX7" s="502"/>
      <c r="AY7" s="503" t="s">
        <v>106</v>
      </c>
      <c r="AZ7" s="504"/>
      <c r="BA7" s="504"/>
      <c r="BB7" s="504"/>
      <c r="BC7" s="504"/>
      <c r="BD7" s="504"/>
      <c r="BE7" s="504"/>
      <c r="BF7" s="504"/>
      <c r="BG7" s="504"/>
      <c r="BH7" s="504"/>
      <c r="BI7" s="504"/>
      <c r="BJ7" s="504"/>
      <c r="BK7" s="504"/>
      <c r="BL7" s="504"/>
      <c r="BM7" s="505"/>
      <c r="BN7" s="469">
        <v>561271</v>
      </c>
      <c r="BO7" s="470"/>
      <c r="BP7" s="470"/>
      <c r="BQ7" s="470"/>
      <c r="BR7" s="470"/>
      <c r="BS7" s="470"/>
      <c r="BT7" s="470"/>
      <c r="BU7" s="471"/>
      <c r="BV7" s="469">
        <v>138905</v>
      </c>
      <c r="BW7" s="470"/>
      <c r="BX7" s="470"/>
      <c r="BY7" s="470"/>
      <c r="BZ7" s="470"/>
      <c r="CA7" s="470"/>
      <c r="CB7" s="470"/>
      <c r="CC7" s="471"/>
      <c r="CD7" s="472" t="s">
        <v>107</v>
      </c>
      <c r="CE7" s="473"/>
      <c r="CF7" s="473"/>
      <c r="CG7" s="473"/>
      <c r="CH7" s="473"/>
      <c r="CI7" s="473"/>
      <c r="CJ7" s="473"/>
      <c r="CK7" s="473"/>
      <c r="CL7" s="473"/>
      <c r="CM7" s="473"/>
      <c r="CN7" s="473"/>
      <c r="CO7" s="473"/>
      <c r="CP7" s="473"/>
      <c r="CQ7" s="473"/>
      <c r="CR7" s="473"/>
      <c r="CS7" s="474"/>
      <c r="CT7" s="469">
        <v>16618470</v>
      </c>
      <c r="CU7" s="470"/>
      <c r="CV7" s="470"/>
      <c r="CW7" s="470"/>
      <c r="CX7" s="470"/>
      <c r="CY7" s="470"/>
      <c r="CZ7" s="470"/>
      <c r="DA7" s="471"/>
      <c r="DB7" s="469">
        <v>16296269</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8</v>
      </c>
      <c r="AN8" s="499"/>
      <c r="AO8" s="499"/>
      <c r="AP8" s="499"/>
      <c r="AQ8" s="499"/>
      <c r="AR8" s="499"/>
      <c r="AS8" s="499"/>
      <c r="AT8" s="500"/>
      <c r="AU8" s="501" t="s">
        <v>109</v>
      </c>
      <c r="AV8" s="502"/>
      <c r="AW8" s="502"/>
      <c r="AX8" s="502"/>
      <c r="AY8" s="503" t="s">
        <v>110</v>
      </c>
      <c r="AZ8" s="504"/>
      <c r="BA8" s="504"/>
      <c r="BB8" s="504"/>
      <c r="BC8" s="504"/>
      <c r="BD8" s="504"/>
      <c r="BE8" s="504"/>
      <c r="BF8" s="504"/>
      <c r="BG8" s="504"/>
      <c r="BH8" s="504"/>
      <c r="BI8" s="504"/>
      <c r="BJ8" s="504"/>
      <c r="BK8" s="504"/>
      <c r="BL8" s="504"/>
      <c r="BM8" s="505"/>
      <c r="BN8" s="469">
        <v>1129343</v>
      </c>
      <c r="BO8" s="470"/>
      <c r="BP8" s="470"/>
      <c r="BQ8" s="470"/>
      <c r="BR8" s="470"/>
      <c r="BS8" s="470"/>
      <c r="BT8" s="470"/>
      <c r="BU8" s="471"/>
      <c r="BV8" s="469">
        <v>853922</v>
      </c>
      <c r="BW8" s="470"/>
      <c r="BX8" s="470"/>
      <c r="BY8" s="470"/>
      <c r="BZ8" s="470"/>
      <c r="CA8" s="470"/>
      <c r="CB8" s="470"/>
      <c r="CC8" s="471"/>
      <c r="CD8" s="472" t="s">
        <v>111</v>
      </c>
      <c r="CE8" s="473"/>
      <c r="CF8" s="473"/>
      <c r="CG8" s="473"/>
      <c r="CH8" s="473"/>
      <c r="CI8" s="473"/>
      <c r="CJ8" s="473"/>
      <c r="CK8" s="473"/>
      <c r="CL8" s="473"/>
      <c r="CM8" s="473"/>
      <c r="CN8" s="473"/>
      <c r="CO8" s="473"/>
      <c r="CP8" s="473"/>
      <c r="CQ8" s="473"/>
      <c r="CR8" s="473"/>
      <c r="CS8" s="474"/>
      <c r="CT8" s="509">
        <v>0.93</v>
      </c>
      <c r="CU8" s="510"/>
      <c r="CV8" s="510"/>
      <c r="CW8" s="510"/>
      <c r="CX8" s="510"/>
      <c r="CY8" s="510"/>
      <c r="CZ8" s="510"/>
      <c r="DA8" s="511"/>
      <c r="DB8" s="509">
        <v>0.93</v>
      </c>
      <c r="DC8" s="510"/>
      <c r="DD8" s="510"/>
      <c r="DE8" s="510"/>
      <c r="DF8" s="510"/>
      <c r="DG8" s="510"/>
      <c r="DH8" s="510"/>
      <c r="DI8" s="511"/>
      <c r="DJ8" s="186"/>
      <c r="DK8" s="186"/>
      <c r="DL8" s="186"/>
      <c r="DM8" s="186"/>
      <c r="DN8" s="186"/>
      <c r="DO8" s="186"/>
    </row>
    <row r="9" spans="1:119" ht="18.75" customHeight="1" thickBot="1" x14ac:dyDescent="0.25">
      <c r="A9" s="187"/>
      <c r="B9" s="463" t="s">
        <v>112</v>
      </c>
      <c r="C9" s="464"/>
      <c r="D9" s="464"/>
      <c r="E9" s="464"/>
      <c r="F9" s="464"/>
      <c r="G9" s="464"/>
      <c r="H9" s="464"/>
      <c r="I9" s="464"/>
      <c r="J9" s="464"/>
      <c r="K9" s="512"/>
      <c r="L9" s="513" t="s">
        <v>113</v>
      </c>
      <c r="M9" s="514"/>
      <c r="N9" s="514"/>
      <c r="O9" s="514"/>
      <c r="P9" s="514"/>
      <c r="Q9" s="515"/>
      <c r="R9" s="516">
        <v>83913</v>
      </c>
      <c r="S9" s="517"/>
      <c r="T9" s="517"/>
      <c r="U9" s="517"/>
      <c r="V9" s="518"/>
      <c r="W9" s="426" t="s">
        <v>114</v>
      </c>
      <c r="X9" s="427"/>
      <c r="Y9" s="427"/>
      <c r="Z9" s="427"/>
      <c r="AA9" s="427"/>
      <c r="AB9" s="427"/>
      <c r="AC9" s="427"/>
      <c r="AD9" s="427"/>
      <c r="AE9" s="427"/>
      <c r="AF9" s="427"/>
      <c r="AG9" s="427"/>
      <c r="AH9" s="427"/>
      <c r="AI9" s="427"/>
      <c r="AJ9" s="427"/>
      <c r="AK9" s="427"/>
      <c r="AL9" s="428"/>
      <c r="AM9" s="498" t="s">
        <v>115</v>
      </c>
      <c r="AN9" s="499"/>
      <c r="AO9" s="499"/>
      <c r="AP9" s="499"/>
      <c r="AQ9" s="499"/>
      <c r="AR9" s="499"/>
      <c r="AS9" s="499"/>
      <c r="AT9" s="500"/>
      <c r="AU9" s="501" t="s">
        <v>109</v>
      </c>
      <c r="AV9" s="502"/>
      <c r="AW9" s="502"/>
      <c r="AX9" s="502"/>
      <c r="AY9" s="503" t="s">
        <v>116</v>
      </c>
      <c r="AZ9" s="504"/>
      <c r="BA9" s="504"/>
      <c r="BB9" s="504"/>
      <c r="BC9" s="504"/>
      <c r="BD9" s="504"/>
      <c r="BE9" s="504"/>
      <c r="BF9" s="504"/>
      <c r="BG9" s="504"/>
      <c r="BH9" s="504"/>
      <c r="BI9" s="504"/>
      <c r="BJ9" s="504"/>
      <c r="BK9" s="504"/>
      <c r="BL9" s="504"/>
      <c r="BM9" s="505"/>
      <c r="BN9" s="469">
        <v>275421</v>
      </c>
      <c r="BO9" s="470"/>
      <c r="BP9" s="470"/>
      <c r="BQ9" s="470"/>
      <c r="BR9" s="470"/>
      <c r="BS9" s="470"/>
      <c r="BT9" s="470"/>
      <c r="BU9" s="471"/>
      <c r="BV9" s="469">
        <v>24026</v>
      </c>
      <c r="BW9" s="470"/>
      <c r="BX9" s="470"/>
      <c r="BY9" s="470"/>
      <c r="BZ9" s="470"/>
      <c r="CA9" s="470"/>
      <c r="CB9" s="470"/>
      <c r="CC9" s="471"/>
      <c r="CD9" s="472" t="s">
        <v>117</v>
      </c>
      <c r="CE9" s="473"/>
      <c r="CF9" s="473"/>
      <c r="CG9" s="473"/>
      <c r="CH9" s="473"/>
      <c r="CI9" s="473"/>
      <c r="CJ9" s="473"/>
      <c r="CK9" s="473"/>
      <c r="CL9" s="473"/>
      <c r="CM9" s="473"/>
      <c r="CN9" s="473"/>
      <c r="CO9" s="473"/>
      <c r="CP9" s="473"/>
      <c r="CQ9" s="473"/>
      <c r="CR9" s="473"/>
      <c r="CS9" s="474"/>
      <c r="CT9" s="466">
        <v>9.6</v>
      </c>
      <c r="CU9" s="467"/>
      <c r="CV9" s="467"/>
      <c r="CW9" s="467"/>
      <c r="CX9" s="467"/>
      <c r="CY9" s="467"/>
      <c r="CZ9" s="467"/>
      <c r="DA9" s="468"/>
      <c r="DB9" s="466">
        <v>9.8000000000000007</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8</v>
      </c>
      <c r="M10" s="499"/>
      <c r="N10" s="499"/>
      <c r="O10" s="499"/>
      <c r="P10" s="499"/>
      <c r="Q10" s="500"/>
      <c r="R10" s="520">
        <v>84460</v>
      </c>
      <c r="S10" s="521"/>
      <c r="T10" s="521"/>
      <c r="U10" s="521"/>
      <c r="V10" s="522"/>
      <c r="W10" s="457"/>
      <c r="X10" s="458"/>
      <c r="Y10" s="458"/>
      <c r="Z10" s="458"/>
      <c r="AA10" s="458"/>
      <c r="AB10" s="458"/>
      <c r="AC10" s="458"/>
      <c r="AD10" s="458"/>
      <c r="AE10" s="458"/>
      <c r="AF10" s="458"/>
      <c r="AG10" s="458"/>
      <c r="AH10" s="458"/>
      <c r="AI10" s="458"/>
      <c r="AJ10" s="458"/>
      <c r="AK10" s="458"/>
      <c r="AL10" s="461"/>
      <c r="AM10" s="498" t="s">
        <v>119</v>
      </c>
      <c r="AN10" s="499"/>
      <c r="AO10" s="499"/>
      <c r="AP10" s="499"/>
      <c r="AQ10" s="499"/>
      <c r="AR10" s="499"/>
      <c r="AS10" s="499"/>
      <c r="AT10" s="500"/>
      <c r="AU10" s="501" t="s">
        <v>120</v>
      </c>
      <c r="AV10" s="502"/>
      <c r="AW10" s="502"/>
      <c r="AX10" s="502"/>
      <c r="AY10" s="503" t="s">
        <v>121</v>
      </c>
      <c r="AZ10" s="504"/>
      <c r="BA10" s="504"/>
      <c r="BB10" s="504"/>
      <c r="BC10" s="504"/>
      <c r="BD10" s="504"/>
      <c r="BE10" s="504"/>
      <c r="BF10" s="504"/>
      <c r="BG10" s="504"/>
      <c r="BH10" s="504"/>
      <c r="BI10" s="504"/>
      <c r="BJ10" s="504"/>
      <c r="BK10" s="504"/>
      <c r="BL10" s="504"/>
      <c r="BM10" s="505"/>
      <c r="BN10" s="469">
        <v>171388</v>
      </c>
      <c r="BO10" s="470"/>
      <c r="BP10" s="470"/>
      <c r="BQ10" s="470"/>
      <c r="BR10" s="470"/>
      <c r="BS10" s="470"/>
      <c r="BT10" s="470"/>
      <c r="BU10" s="471"/>
      <c r="BV10" s="469">
        <v>468607</v>
      </c>
      <c r="BW10" s="470"/>
      <c r="BX10" s="470"/>
      <c r="BY10" s="470"/>
      <c r="BZ10" s="470"/>
      <c r="CA10" s="470"/>
      <c r="CB10" s="470"/>
      <c r="CC10" s="471"/>
      <c r="CD10" s="191" t="s">
        <v>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3</v>
      </c>
      <c r="M11" s="524"/>
      <c r="N11" s="524"/>
      <c r="O11" s="524"/>
      <c r="P11" s="524"/>
      <c r="Q11" s="525"/>
      <c r="R11" s="526" t="s">
        <v>124</v>
      </c>
      <c r="S11" s="527"/>
      <c r="T11" s="527"/>
      <c r="U11" s="527"/>
      <c r="V11" s="528"/>
      <c r="W11" s="457"/>
      <c r="X11" s="458"/>
      <c r="Y11" s="458"/>
      <c r="Z11" s="458"/>
      <c r="AA11" s="458"/>
      <c r="AB11" s="458"/>
      <c r="AC11" s="458"/>
      <c r="AD11" s="458"/>
      <c r="AE11" s="458"/>
      <c r="AF11" s="458"/>
      <c r="AG11" s="458"/>
      <c r="AH11" s="458"/>
      <c r="AI11" s="458"/>
      <c r="AJ11" s="458"/>
      <c r="AK11" s="458"/>
      <c r="AL11" s="461"/>
      <c r="AM11" s="498" t="s">
        <v>125</v>
      </c>
      <c r="AN11" s="499"/>
      <c r="AO11" s="499"/>
      <c r="AP11" s="499"/>
      <c r="AQ11" s="499"/>
      <c r="AR11" s="499"/>
      <c r="AS11" s="499"/>
      <c r="AT11" s="500"/>
      <c r="AU11" s="501" t="s">
        <v>109</v>
      </c>
      <c r="AV11" s="502"/>
      <c r="AW11" s="502"/>
      <c r="AX11" s="502"/>
      <c r="AY11" s="503" t="s">
        <v>126</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7</v>
      </c>
      <c r="CE11" s="473"/>
      <c r="CF11" s="473"/>
      <c r="CG11" s="473"/>
      <c r="CH11" s="473"/>
      <c r="CI11" s="473"/>
      <c r="CJ11" s="473"/>
      <c r="CK11" s="473"/>
      <c r="CL11" s="473"/>
      <c r="CM11" s="473"/>
      <c r="CN11" s="473"/>
      <c r="CO11" s="473"/>
      <c r="CP11" s="473"/>
      <c r="CQ11" s="473"/>
      <c r="CR11" s="473"/>
      <c r="CS11" s="474"/>
      <c r="CT11" s="509" t="s">
        <v>128</v>
      </c>
      <c r="CU11" s="510"/>
      <c r="CV11" s="510"/>
      <c r="CW11" s="510"/>
      <c r="CX11" s="510"/>
      <c r="CY11" s="510"/>
      <c r="CZ11" s="510"/>
      <c r="DA11" s="511"/>
      <c r="DB11" s="509" t="s">
        <v>129</v>
      </c>
      <c r="DC11" s="510"/>
      <c r="DD11" s="510"/>
      <c r="DE11" s="510"/>
      <c r="DF11" s="510"/>
      <c r="DG11" s="510"/>
      <c r="DH11" s="510"/>
      <c r="DI11" s="511"/>
      <c r="DJ11" s="186"/>
      <c r="DK11" s="186"/>
      <c r="DL11" s="186"/>
      <c r="DM11" s="186"/>
      <c r="DN11" s="186"/>
      <c r="DO11" s="186"/>
    </row>
    <row r="12" spans="1:119" ht="18.75" customHeight="1" x14ac:dyDescent="0.2">
      <c r="A12" s="187"/>
      <c r="B12" s="529" t="s">
        <v>130</v>
      </c>
      <c r="C12" s="530"/>
      <c r="D12" s="530"/>
      <c r="E12" s="530"/>
      <c r="F12" s="530"/>
      <c r="G12" s="530"/>
      <c r="H12" s="530"/>
      <c r="I12" s="530"/>
      <c r="J12" s="530"/>
      <c r="K12" s="531"/>
      <c r="L12" s="538" t="s">
        <v>131</v>
      </c>
      <c r="M12" s="539"/>
      <c r="N12" s="539"/>
      <c r="O12" s="539"/>
      <c r="P12" s="539"/>
      <c r="Q12" s="540"/>
      <c r="R12" s="541">
        <v>84886</v>
      </c>
      <c r="S12" s="542"/>
      <c r="T12" s="542"/>
      <c r="U12" s="542"/>
      <c r="V12" s="543"/>
      <c r="W12" s="544" t="s">
        <v>1</v>
      </c>
      <c r="X12" s="502"/>
      <c r="Y12" s="502"/>
      <c r="Z12" s="502"/>
      <c r="AA12" s="502"/>
      <c r="AB12" s="545"/>
      <c r="AC12" s="546" t="s">
        <v>132</v>
      </c>
      <c r="AD12" s="547"/>
      <c r="AE12" s="547"/>
      <c r="AF12" s="547"/>
      <c r="AG12" s="548"/>
      <c r="AH12" s="546" t="s">
        <v>133</v>
      </c>
      <c r="AI12" s="547"/>
      <c r="AJ12" s="547"/>
      <c r="AK12" s="547"/>
      <c r="AL12" s="549"/>
      <c r="AM12" s="498" t="s">
        <v>134</v>
      </c>
      <c r="AN12" s="499"/>
      <c r="AO12" s="499"/>
      <c r="AP12" s="499"/>
      <c r="AQ12" s="499"/>
      <c r="AR12" s="499"/>
      <c r="AS12" s="499"/>
      <c r="AT12" s="500"/>
      <c r="AU12" s="501" t="s">
        <v>120</v>
      </c>
      <c r="AV12" s="502"/>
      <c r="AW12" s="502"/>
      <c r="AX12" s="502"/>
      <c r="AY12" s="503" t="s">
        <v>135</v>
      </c>
      <c r="AZ12" s="504"/>
      <c r="BA12" s="504"/>
      <c r="BB12" s="504"/>
      <c r="BC12" s="504"/>
      <c r="BD12" s="504"/>
      <c r="BE12" s="504"/>
      <c r="BF12" s="504"/>
      <c r="BG12" s="504"/>
      <c r="BH12" s="504"/>
      <c r="BI12" s="504"/>
      <c r="BJ12" s="504"/>
      <c r="BK12" s="504"/>
      <c r="BL12" s="504"/>
      <c r="BM12" s="505"/>
      <c r="BN12" s="469">
        <v>0</v>
      </c>
      <c r="BO12" s="470"/>
      <c r="BP12" s="470"/>
      <c r="BQ12" s="470"/>
      <c r="BR12" s="470"/>
      <c r="BS12" s="470"/>
      <c r="BT12" s="470"/>
      <c r="BU12" s="471"/>
      <c r="BV12" s="469">
        <v>0</v>
      </c>
      <c r="BW12" s="470"/>
      <c r="BX12" s="470"/>
      <c r="BY12" s="470"/>
      <c r="BZ12" s="470"/>
      <c r="CA12" s="470"/>
      <c r="CB12" s="470"/>
      <c r="CC12" s="471"/>
      <c r="CD12" s="472" t="s">
        <v>136</v>
      </c>
      <c r="CE12" s="473"/>
      <c r="CF12" s="473"/>
      <c r="CG12" s="473"/>
      <c r="CH12" s="473"/>
      <c r="CI12" s="473"/>
      <c r="CJ12" s="473"/>
      <c r="CK12" s="473"/>
      <c r="CL12" s="473"/>
      <c r="CM12" s="473"/>
      <c r="CN12" s="473"/>
      <c r="CO12" s="473"/>
      <c r="CP12" s="473"/>
      <c r="CQ12" s="473"/>
      <c r="CR12" s="473"/>
      <c r="CS12" s="474"/>
      <c r="CT12" s="509" t="s">
        <v>129</v>
      </c>
      <c r="CU12" s="510"/>
      <c r="CV12" s="510"/>
      <c r="CW12" s="510"/>
      <c r="CX12" s="510"/>
      <c r="CY12" s="510"/>
      <c r="CZ12" s="510"/>
      <c r="DA12" s="511"/>
      <c r="DB12" s="509" t="s">
        <v>128</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7</v>
      </c>
      <c r="N13" s="561"/>
      <c r="O13" s="561"/>
      <c r="P13" s="561"/>
      <c r="Q13" s="562"/>
      <c r="R13" s="553">
        <v>80728</v>
      </c>
      <c r="S13" s="554"/>
      <c r="T13" s="554"/>
      <c r="U13" s="554"/>
      <c r="V13" s="555"/>
      <c r="W13" s="485" t="s">
        <v>138</v>
      </c>
      <c r="X13" s="486"/>
      <c r="Y13" s="486"/>
      <c r="Z13" s="486"/>
      <c r="AA13" s="486"/>
      <c r="AB13" s="476"/>
      <c r="AC13" s="520">
        <v>489</v>
      </c>
      <c r="AD13" s="521"/>
      <c r="AE13" s="521"/>
      <c r="AF13" s="521"/>
      <c r="AG13" s="563"/>
      <c r="AH13" s="520">
        <v>452</v>
      </c>
      <c r="AI13" s="521"/>
      <c r="AJ13" s="521"/>
      <c r="AK13" s="521"/>
      <c r="AL13" s="522"/>
      <c r="AM13" s="498" t="s">
        <v>139</v>
      </c>
      <c r="AN13" s="499"/>
      <c r="AO13" s="499"/>
      <c r="AP13" s="499"/>
      <c r="AQ13" s="499"/>
      <c r="AR13" s="499"/>
      <c r="AS13" s="499"/>
      <c r="AT13" s="500"/>
      <c r="AU13" s="501" t="s">
        <v>140</v>
      </c>
      <c r="AV13" s="502"/>
      <c r="AW13" s="502"/>
      <c r="AX13" s="502"/>
      <c r="AY13" s="503" t="s">
        <v>141</v>
      </c>
      <c r="AZ13" s="504"/>
      <c r="BA13" s="504"/>
      <c r="BB13" s="504"/>
      <c r="BC13" s="504"/>
      <c r="BD13" s="504"/>
      <c r="BE13" s="504"/>
      <c r="BF13" s="504"/>
      <c r="BG13" s="504"/>
      <c r="BH13" s="504"/>
      <c r="BI13" s="504"/>
      <c r="BJ13" s="504"/>
      <c r="BK13" s="504"/>
      <c r="BL13" s="504"/>
      <c r="BM13" s="505"/>
      <c r="BN13" s="469">
        <v>446809</v>
      </c>
      <c r="BO13" s="470"/>
      <c r="BP13" s="470"/>
      <c r="BQ13" s="470"/>
      <c r="BR13" s="470"/>
      <c r="BS13" s="470"/>
      <c r="BT13" s="470"/>
      <c r="BU13" s="471"/>
      <c r="BV13" s="469">
        <v>492633</v>
      </c>
      <c r="BW13" s="470"/>
      <c r="BX13" s="470"/>
      <c r="BY13" s="470"/>
      <c r="BZ13" s="470"/>
      <c r="CA13" s="470"/>
      <c r="CB13" s="470"/>
      <c r="CC13" s="471"/>
      <c r="CD13" s="472" t="s">
        <v>142</v>
      </c>
      <c r="CE13" s="473"/>
      <c r="CF13" s="473"/>
      <c r="CG13" s="473"/>
      <c r="CH13" s="473"/>
      <c r="CI13" s="473"/>
      <c r="CJ13" s="473"/>
      <c r="CK13" s="473"/>
      <c r="CL13" s="473"/>
      <c r="CM13" s="473"/>
      <c r="CN13" s="473"/>
      <c r="CO13" s="473"/>
      <c r="CP13" s="473"/>
      <c r="CQ13" s="473"/>
      <c r="CR13" s="473"/>
      <c r="CS13" s="474"/>
      <c r="CT13" s="466">
        <v>5.7</v>
      </c>
      <c r="CU13" s="467"/>
      <c r="CV13" s="467"/>
      <c r="CW13" s="467"/>
      <c r="CX13" s="467"/>
      <c r="CY13" s="467"/>
      <c r="CZ13" s="467"/>
      <c r="DA13" s="468"/>
      <c r="DB13" s="466">
        <v>7.5</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3</v>
      </c>
      <c r="M14" s="551"/>
      <c r="N14" s="551"/>
      <c r="O14" s="551"/>
      <c r="P14" s="551"/>
      <c r="Q14" s="552"/>
      <c r="R14" s="553">
        <v>85297</v>
      </c>
      <c r="S14" s="554"/>
      <c r="T14" s="554"/>
      <c r="U14" s="554"/>
      <c r="V14" s="555"/>
      <c r="W14" s="459"/>
      <c r="X14" s="460"/>
      <c r="Y14" s="460"/>
      <c r="Z14" s="460"/>
      <c r="AA14" s="460"/>
      <c r="AB14" s="449"/>
      <c r="AC14" s="556">
        <v>1.4</v>
      </c>
      <c r="AD14" s="557"/>
      <c r="AE14" s="557"/>
      <c r="AF14" s="557"/>
      <c r="AG14" s="558"/>
      <c r="AH14" s="556">
        <v>1.2</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4</v>
      </c>
      <c r="CE14" s="565"/>
      <c r="CF14" s="565"/>
      <c r="CG14" s="565"/>
      <c r="CH14" s="565"/>
      <c r="CI14" s="565"/>
      <c r="CJ14" s="565"/>
      <c r="CK14" s="565"/>
      <c r="CL14" s="565"/>
      <c r="CM14" s="565"/>
      <c r="CN14" s="565"/>
      <c r="CO14" s="565"/>
      <c r="CP14" s="565"/>
      <c r="CQ14" s="565"/>
      <c r="CR14" s="565"/>
      <c r="CS14" s="566"/>
      <c r="CT14" s="567">
        <v>28.9</v>
      </c>
      <c r="CU14" s="568"/>
      <c r="CV14" s="568"/>
      <c r="CW14" s="568"/>
      <c r="CX14" s="568"/>
      <c r="CY14" s="568"/>
      <c r="CZ14" s="568"/>
      <c r="DA14" s="569"/>
      <c r="DB14" s="567">
        <v>48.8</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45</v>
      </c>
      <c r="N15" s="561"/>
      <c r="O15" s="561"/>
      <c r="P15" s="561"/>
      <c r="Q15" s="562"/>
      <c r="R15" s="553">
        <v>81229</v>
      </c>
      <c r="S15" s="554"/>
      <c r="T15" s="554"/>
      <c r="U15" s="554"/>
      <c r="V15" s="555"/>
      <c r="W15" s="485" t="s">
        <v>146</v>
      </c>
      <c r="X15" s="486"/>
      <c r="Y15" s="486"/>
      <c r="Z15" s="486"/>
      <c r="AA15" s="486"/>
      <c r="AB15" s="476"/>
      <c r="AC15" s="520">
        <v>11172</v>
      </c>
      <c r="AD15" s="521"/>
      <c r="AE15" s="521"/>
      <c r="AF15" s="521"/>
      <c r="AG15" s="563"/>
      <c r="AH15" s="520">
        <v>12140</v>
      </c>
      <c r="AI15" s="521"/>
      <c r="AJ15" s="521"/>
      <c r="AK15" s="521"/>
      <c r="AL15" s="522"/>
      <c r="AM15" s="498"/>
      <c r="AN15" s="499"/>
      <c r="AO15" s="499"/>
      <c r="AP15" s="499"/>
      <c r="AQ15" s="499"/>
      <c r="AR15" s="499"/>
      <c r="AS15" s="499"/>
      <c r="AT15" s="500"/>
      <c r="AU15" s="501"/>
      <c r="AV15" s="502"/>
      <c r="AW15" s="502"/>
      <c r="AX15" s="502"/>
      <c r="AY15" s="429" t="s">
        <v>147</v>
      </c>
      <c r="AZ15" s="430"/>
      <c r="BA15" s="430"/>
      <c r="BB15" s="430"/>
      <c r="BC15" s="430"/>
      <c r="BD15" s="430"/>
      <c r="BE15" s="430"/>
      <c r="BF15" s="430"/>
      <c r="BG15" s="430"/>
      <c r="BH15" s="430"/>
      <c r="BI15" s="430"/>
      <c r="BJ15" s="430"/>
      <c r="BK15" s="430"/>
      <c r="BL15" s="430"/>
      <c r="BM15" s="431"/>
      <c r="BN15" s="432">
        <v>11525108</v>
      </c>
      <c r="BO15" s="433"/>
      <c r="BP15" s="433"/>
      <c r="BQ15" s="433"/>
      <c r="BR15" s="433"/>
      <c r="BS15" s="433"/>
      <c r="BT15" s="433"/>
      <c r="BU15" s="434"/>
      <c r="BV15" s="432">
        <v>11317295</v>
      </c>
      <c r="BW15" s="433"/>
      <c r="BX15" s="433"/>
      <c r="BY15" s="433"/>
      <c r="BZ15" s="433"/>
      <c r="CA15" s="433"/>
      <c r="CB15" s="433"/>
      <c r="CC15" s="434"/>
      <c r="CD15" s="570" t="s">
        <v>148</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9</v>
      </c>
      <c r="M16" s="581"/>
      <c r="N16" s="581"/>
      <c r="O16" s="581"/>
      <c r="P16" s="581"/>
      <c r="Q16" s="582"/>
      <c r="R16" s="573" t="s">
        <v>150</v>
      </c>
      <c r="S16" s="574"/>
      <c r="T16" s="574"/>
      <c r="U16" s="574"/>
      <c r="V16" s="575"/>
      <c r="W16" s="459"/>
      <c r="X16" s="460"/>
      <c r="Y16" s="460"/>
      <c r="Z16" s="460"/>
      <c r="AA16" s="460"/>
      <c r="AB16" s="449"/>
      <c r="AC16" s="556">
        <v>31.2</v>
      </c>
      <c r="AD16" s="557"/>
      <c r="AE16" s="557"/>
      <c r="AF16" s="557"/>
      <c r="AG16" s="558"/>
      <c r="AH16" s="556">
        <v>32.200000000000003</v>
      </c>
      <c r="AI16" s="557"/>
      <c r="AJ16" s="557"/>
      <c r="AK16" s="557"/>
      <c r="AL16" s="559"/>
      <c r="AM16" s="498"/>
      <c r="AN16" s="499"/>
      <c r="AO16" s="499"/>
      <c r="AP16" s="499"/>
      <c r="AQ16" s="499"/>
      <c r="AR16" s="499"/>
      <c r="AS16" s="499"/>
      <c r="AT16" s="500"/>
      <c r="AU16" s="501"/>
      <c r="AV16" s="502"/>
      <c r="AW16" s="502"/>
      <c r="AX16" s="502"/>
      <c r="AY16" s="503" t="s">
        <v>151</v>
      </c>
      <c r="AZ16" s="504"/>
      <c r="BA16" s="504"/>
      <c r="BB16" s="504"/>
      <c r="BC16" s="504"/>
      <c r="BD16" s="504"/>
      <c r="BE16" s="504"/>
      <c r="BF16" s="504"/>
      <c r="BG16" s="504"/>
      <c r="BH16" s="504"/>
      <c r="BI16" s="504"/>
      <c r="BJ16" s="504"/>
      <c r="BK16" s="504"/>
      <c r="BL16" s="504"/>
      <c r="BM16" s="505"/>
      <c r="BN16" s="469">
        <v>12587512</v>
      </c>
      <c r="BO16" s="470"/>
      <c r="BP16" s="470"/>
      <c r="BQ16" s="470"/>
      <c r="BR16" s="470"/>
      <c r="BS16" s="470"/>
      <c r="BT16" s="470"/>
      <c r="BU16" s="471"/>
      <c r="BV16" s="469">
        <v>12242670</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2</v>
      </c>
      <c r="N17" s="577"/>
      <c r="O17" s="577"/>
      <c r="P17" s="577"/>
      <c r="Q17" s="578"/>
      <c r="R17" s="573" t="s">
        <v>124</v>
      </c>
      <c r="S17" s="574"/>
      <c r="T17" s="574"/>
      <c r="U17" s="574"/>
      <c r="V17" s="575"/>
      <c r="W17" s="485" t="s">
        <v>153</v>
      </c>
      <c r="X17" s="486"/>
      <c r="Y17" s="486"/>
      <c r="Z17" s="486"/>
      <c r="AA17" s="486"/>
      <c r="AB17" s="476"/>
      <c r="AC17" s="520">
        <v>24109</v>
      </c>
      <c r="AD17" s="521"/>
      <c r="AE17" s="521"/>
      <c r="AF17" s="521"/>
      <c r="AG17" s="563"/>
      <c r="AH17" s="520">
        <v>25165</v>
      </c>
      <c r="AI17" s="521"/>
      <c r="AJ17" s="521"/>
      <c r="AK17" s="521"/>
      <c r="AL17" s="522"/>
      <c r="AM17" s="498"/>
      <c r="AN17" s="499"/>
      <c r="AO17" s="499"/>
      <c r="AP17" s="499"/>
      <c r="AQ17" s="499"/>
      <c r="AR17" s="499"/>
      <c r="AS17" s="499"/>
      <c r="AT17" s="500"/>
      <c r="AU17" s="501"/>
      <c r="AV17" s="502"/>
      <c r="AW17" s="502"/>
      <c r="AX17" s="502"/>
      <c r="AY17" s="503" t="s">
        <v>154</v>
      </c>
      <c r="AZ17" s="504"/>
      <c r="BA17" s="504"/>
      <c r="BB17" s="504"/>
      <c r="BC17" s="504"/>
      <c r="BD17" s="504"/>
      <c r="BE17" s="504"/>
      <c r="BF17" s="504"/>
      <c r="BG17" s="504"/>
      <c r="BH17" s="504"/>
      <c r="BI17" s="504"/>
      <c r="BJ17" s="504"/>
      <c r="BK17" s="504"/>
      <c r="BL17" s="504"/>
      <c r="BM17" s="505"/>
      <c r="BN17" s="469">
        <v>14701466</v>
      </c>
      <c r="BO17" s="470"/>
      <c r="BP17" s="470"/>
      <c r="BQ17" s="470"/>
      <c r="BR17" s="470"/>
      <c r="BS17" s="470"/>
      <c r="BT17" s="470"/>
      <c r="BU17" s="471"/>
      <c r="BV17" s="469">
        <v>14530843</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5</v>
      </c>
      <c r="C18" s="512"/>
      <c r="D18" s="512"/>
      <c r="E18" s="584"/>
      <c r="F18" s="584"/>
      <c r="G18" s="584"/>
      <c r="H18" s="584"/>
      <c r="I18" s="584"/>
      <c r="J18" s="584"/>
      <c r="K18" s="584"/>
      <c r="L18" s="585">
        <v>22.14</v>
      </c>
      <c r="M18" s="585"/>
      <c r="N18" s="585"/>
      <c r="O18" s="585"/>
      <c r="P18" s="585"/>
      <c r="Q18" s="585"/>
      <c r="R18" s="586"/>
      <c r="S18" s="586"/>
      <c r="T18" s="586"/>
      <c r="U18" s="586"/>
      <c r="V18" s="587"/>
      <c r="W18" s="487"/>
      <c r="X18" s="488"/>
      <c r="Y18" s="488"/>
      <c r="Z18" s="488"/>
      <c r="AA18" s="488"/>
      <c r="AB18" s="479"/>
      <c r="AC18" s="588">
        <v>67.400000000000006</v>
      </c>
      <c r="AD18" s="589"/>
      <c r="AE18" s="589"/>
      <c r="AF18" s="589"/>
      <c r="AG18" s="590"/>
      <c r="AH18" s="588">
        <v>66.599999999999994</v>
      </c>
      <c r="AI18" s="589"/>
      <c r="AJ18" s="589"/>
      <c r="AK18" s="589"/>
      <c r="AL18" s="591"/>
      <c r="AM18" s="498"/>
      <c r="AN18" s="499"/>
      <c r="AO18" s="499"/>
      <c r="AP18" s="499"/>
      <c r="AQ18" s="499"/>
      <c r="AR18" s="499"/>
      <c r="AS18" s="499"/>
      <c r="AT18" s="500"/>
      <c r="AU18" s="501"/>
      <c r="AV18" s="502"/>
      <c r="AW18" s="502"/>
      <c r="AX18" s="502"/>
      <c r="AY18" s="503" t="s">
        <v>156</v>
      </c>
      <c r="AZ18" s="504"/>
      <c r="BA18" s="504"/>
      <c r="BB18" s="504"/>
      <c r="BC18" s="504"/>
      <c r="BD18" s="504"/>
      <c r="BE18" s="504"/>
      <c r="BF18" s="504"/>
      <c r="BG18" s="504"/>
      <c r="BH18" s="504"/>
      <c r="BI18" s="504"/>
      <c r="BJ18" s="504"/>
      <c r="BK18" s="504"/>
      <c r="BL18" s="504"/>
      <c r="BM18" s="505"/>
      <c r="BN18" s="469">
        <v>16930004</v>
      </c>
      <c r="BO18" s="470"/>
      <c r="BP18" s="470"/>
      <c r="BQ18" s="470"/>
      <c r="BR18" s="470"/>
      <c r="BS18" s="470"/>
      <c r="BT18" s="470"/>
      <c r="BU18" s="471"/>
      <c r="BV18" s="469">
        <v>16875972</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7</v>
      </c>
      <c r="C19" s="512"/>
      <c r="D19" s="512"/>
      <c r="E19" s="584"/>
      <c r="F19" s="584"/>
      <c r="G19" s="584"/>
      <c r="H19" s="584"/>
      <c r="I19" s="584"/>
      <c r="J19" s="584"/>
      <c r="K19" s="584"/>
      <c r="L19" s="592">
        <v>3790</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8</v>
      </c>
      <c r="AZ19" s="504"/>
      <c r="BA19" s="504"/>
      <c r="BB19" s="504"/>
      <c r="BC19" s="504"/>
      <c r="BD19" s="504"/>
      <c r="BE19" s="504"/>
      <c r="BF19" s="504"/>
      <c r="BG19" s="504"/>
      <c r="BH19" s="504"/>
      <c r="BI19" s="504"/>
      <c r="BJ19" s="504"/>
      <c r="BK19" s="504"/>
      <c r="BL19" s="504"/>
      <c r="BM19" s="505"/>
      <c r="BN19" s="469">
        <v>20909746</v>
      </c>
      <c r="BO19" s="470"/>
      <c r="BP19" s="470"/>
      <c r="BQ19" s="470"/>
      <c r="BR19" s="470"/>
      <c r="BS19" s="470"/>
      <c r="BT19" s="470"/>
      <c r="BU19" s="471"/>
      <c r="BV19" s="469">
        <v>20528601</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59</v>
      </c>
      <c r="C20" s="512"/>
      <c r="D20" s="512"/>
      <c r="E20" s="584"/>
      <c r="F20" s="584"/>
      <c r="G20" s="584"/>
      <c r="H20" s="584"/>
      <c r="I20" s="584"/>
      <c r="J20" s="584"/>
      <c r="K20" s="584"/>
      <c r="L20" s="592">
        <v>34879</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0</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1</v>
      </c>
      <c r="C22" s="607"/>
      <c r="D22" s="608"/>
      <c r="E22" s="481" t="s">
        <v>1</v>
      </c>
      <c r="F22" s="486"/>
      <c r="G22" s="486"/>
      <c r="H22" s="486"/>
      <c r="I22" s="486"/>
      <c r="J22" s="486"/>
      <c r="K22" s="476"/>
      <c r="L22" s="481" t="s">
        <v>162</v>
      </c>
      <c r="M22" s="486"/>
      <c r="N22" s="486"/>
      <c r="O22" s="486"/>
      <c r="P22" s="476"/>
      <c r="Q22" s="615" t="s">
        <v>163</v>
      </c>
      <c r="R22" s="616"/>
      <c r="S22" s="616"/>
      <c r="T22" s="616"/>
      <c r="U22" s="616"/>
      <c r="V22" s="617"/>
      <c r="W22" s="621" t="s">
        <v>164</v>
      </c>
      <c r="X22" s="607"/>
      <c r="Y22" s="608"/>
      <c r="Z22" s="481" t="s">
        <v>1</v>
      </c>
      <c r="AA22" s="486"/>
      <c r="AB22" s="486"/>
      <c r="AC22" s="486"/>
      <c r="AD22" s="486"/>
      <c r="AE22" s="486"/>
      <c r="AF22" s="486"/>
      <c r="AG22" s="476"/>
      <c r="AH22" s="634" t="s">
        <v>165</v>
      </c>
      <c r="AI22" s="486"/>
      <c r="AJ22" s="486"/>
      <c r="AK22" s="486"/>
      <c r="AL22" s="476"/>
      <c r="AM22" s="634" t="s">
        <v>166</v>
      </c>
      <c r="AN22" s="635"/>
      <c r="AO22" s="635"/>
      <c r="AP22" s="635"/>
      <c r="AQ22" s="635"/>
      <c r="AR22" s="636"/>
      <c r="AS22" s="615" t="s">
        <v>163</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7</v>
      </c>
      <c r="AZ23" s="430"/>
      <c r="BA23" s="430"/>
      <c r="BB23" s="430"/>
      <c r="BC23" s="430"/>
      <c r="BD23" s="430"/>
      <c r="BE23" s="430"/>
      <c r="BF23" s="430"/>
      <c r="BG23" s="430"/>
      <c r="BH23" s="430"/>
      <c r="BI23" s="430"/>
      <c r="BJ23" s="430"/>
      <c r="BK23" s="430"/>
      <c r="BL23" s="430"/>
      <c r="BM23" s="431"/>
      <c r="BN23" s="469">
        <v>15880586</v>
      </c>
      <c r="BO23" s="470"/>
      <c r="BP23" s="470"/>
      <c r="BQ23" s="470"/>
      <c r="BR23" s="470"/>
      <c r="BS23" s="470"/>
      <c r="BT23" s="470"/>
      <c r="BU23" s="471"/>
      <c r="BV23" s="469">
        <v>16795300</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8</v>
      </c>
      <c r="F24" s="499"/>
      <c r="G24" s="499"/>
      <c r="H24" s="499"/>
      <c r="I24" s="499"/>
      <c r="J24" s="499"/>
      <c r="K24" s="500"/>
      <c r="L24" s="520">
        <v>1</v>
      </c>
      <c r="M24" s="521"/>
      <c r="N24" s="521"/>
      <c r="O24" s="521"/>
      <c r="P24" s="563"/>
      <c r="Q24" s="520">
        <v>9110</v>
      </c>
      <c r="R24" s="521"/>
      <c r="S24" s="521"/>
      <c r="T24" s="521"/>
      <c r="U24" s="521"/>
      <c r="V24" s="563"/>
      <c r="W24" s="622"/>
      <c r="X24" s="610"/>
      <c r="Y24" s="611"/>
      <c r="Z24" s="519" t="s">
        <v>169</v>
      </c>
      <c r="AA24" s="499"/>
      <c r="AB24" s="499"/>
      <c r="AC24" s="499"/>
      <c r="AD24" s="499"/>
      <c r="AE24" s="499"/>
      <c r="AF24" s="499"/>
      <c r="AG24" s="500"/>
      <c r="AH24" s="520">
        <v>583</v>
      </c>
      <c r="AI24" s="521"/>
      <c r="AJ24" s="521"/>
      <c r="AK24" s="521"/>
      <c r="AL24" s="563"/>
      <c r="AM24" s="520">
        <v>1796806</v>
      </c>
      <c r="AN24" s="521"/>
      <c r="AO24" s="521"/>
      <c r="AP24" s="521"/>
      <c r="AQ24" s="521"/>
      <c r="AR24" s="563"/>
      <c r="AS24" s="520">
        <v>3082</v>
      </c>
      <c r="AT24" s="521"/>
      <c r="AU24" s="521"/>
      <c r="AV24" s="521"/>
      <c r="AW24" s="521"/>
      <c r="AX24" s="522"/>
      <c r="AY24" s="642" t="s">
        <v>170</v>
      </c>
      <c r="AZ24" s="643"/>
      <c r="BA24" s="643"/>
      <c r="BB24" s="643"/>
      <c r="BC24" s="643"/>
      <c r="BD24" s="643"/>
      <c r="BE24" s="643"/>
      <c r="BF24" s="643"/>
      <c r="BG24" s="643"/>
      <c r="BH24" s="643"/>
      <c r="BI24" s="643"/>
      <c r="BJ24" s="643"/>
      <c r="BK24" s="643"/>
      <c r="BL24" s="643"/>
      <c r="BM24" s="644"/>
      <c r="BN24" s="469">
        <v>11615373</v>
      </c>
      <c r="BO24" s="470"/>
      <c r="BP24" s="470"/>
      <c r="BQ24" s="470"/>
      <c r="BR24" s="470"/>
      <c r="BS24" s="470"/>
      <c r="BT24" s="470"/>
      <c r="BU24" s="471"/>
      <c r="BV24" s="469">
        <v>12674302</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1</v>
      </c>
      <c r="F25" s="499"/>
      <c r="G25" s="499"/>
      <c r="H25" s="499"/>
      <c r="I25" s="499"/>
      <c r="J25" s="499"/>
      <c r="K25" s="500"/>
      <c r="L25" s="520">
        <v>1</v>
      </c>
      <c r="M25" s="521"/>
      <c r="N25" s="521"/>
      <c r="O25" s="521"/>
      <c r="P25" s="563"/>
      <c r="Q25" s="520">
        <v>7400</v>
      </c>
      <c r="R25" s="521"/>
      <c r="S25" s="521"/>
      <c r="T25" s="521"/>
      <c r="U25" s="521"/>
      <c r="V25" s="563"/>
      <c r="W25" s="622"/>
      <c r="X25" s="610"/>
      <c r="Y25" s="611"/>
      <c r="Z25" s="519" t="s">
        <v>172</v>
      </c>
      <c r="AA25" s="499"/>
      <c r="AB25" s="499"/>
      <c r="AC25" s="499"/>
      <c r="AD25" s="499"/>
      <c r="AE25" s="499"/>
      <c r="AF25" s="499"/>
      <c r="AG25" s="500"/>
      <c r="AH25" s="520">
        <v>128</v>
      </c>
      <c r="AI25" s="521"/>
      <c r="AJ25" s="521"/>
      <c r="AK25" s="521"/>
      <c r="AL25" s="563"/>
      <c r="AM25" s="520">
        <v>389888</v>
      </c>
      <c r="AN25" s="521"/>
      <c r="AO25" s="521"/>
      <c r="AP25" s="521"/>
      <c r="AQ25" s="521"/>
      <c r="AR25" s="563"/>
      <c r="AS25" s="520">
        <v>3046</v>
      </c>
      <c r="AT25" s="521"/>
      <c r="AU25" s="521"/>
      <c r="AV25" s="521"/>
      <c r="AW25" s="521"/>
      <c r="AX25" s="522"/>
      <c r="AY25" s="429" t="s">
        <v>173</v>
      </c>
      <c r="AZ25" s="430"/>
      <c r="BA25" s="430"/>
      <c r="BB25" s="430"/>
      <c r="BC25" s="430"/>
      <c r="BD25" s="430"/>
      <c r="BE25" s="430"/>
      <c r="BF25" s="430"/>
      <c r="BG25" s="430"/>
      <c r="BH25" s="430"/>
      <c r="BI25" s="430"/>
      <c r="BJ25" s="430"/>
      <c r="BK25" s="430"/>
      <c r="BL25" s="430"/>
      <c r="BM25" s="431"/>
      <c r="BN25" s="432">
        <v>2236667</v>
      </c>
      <c r="BO25" s="433"/>
      <c r="BP25" s="433"/>
      <c r="BQ25" s="433"/>
      <c r="BR25" s="433"/>
      <c r="BS25" s="433"/>
      <c r="BT25" s="433"/>
      <c r="BU25" s="434"/>
      <c r="BV25" s="432">
        <v>2360124</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4</v>
      </c>
      <c r="F26" s="499"/>
      <c r="G26" s="499"/>
      <c r="H26" s="499"/>
      <c r="I26" s="499"/>
      <c r="J26" s="499"/>
      <c r="K26" s="500"/>
      <c r="L26" s="520">
        <v>1</v>
      </c>
      <c r="M26" s="521"/>
      <c r="N26" s="521"/>
      <c r="O26" s="521"/>
      <c r="P26" s="563"/>
      <c r="Q26" s="520">
        <v>6840</v>
      </c>
      <c r="R26" s="521"/>
      <c r="S26" s="521"/>
      <c r="T26" s="521"/>
      <c r="U26" s="521"/>
      <c r="V26" s="563"/>
      <c r="W26" s="622"/>
      <c r="X26" s="610"/>
      <c r="Y26" s="611"/>
      <c r="Z26" s="519" t="s">
        <v>175</v>
      </c>
      <c r="AA26" s="632"/>
      <c r="AB26" s="632"/>
      <c r="AC26" s="632"/>
      <c r="AD26" s="632"/>
      <c r="AE26" s="632"/>
      <c r="AF26" s="632"/>
      <c r="AG26" s="633"/>
      <c r="AH26" s="520">
        <v>30</v>
      </c>
      <c r="AI26" s="521"/>
      <c r="AJ26" s="521"/>
      <c r="AK26" s="521"/>
      <c r="AL26" s="563"/>
      <c r="AM26" s="520">
        <v>107520</v>
      </c>
      <c r="AN26" s="521"/>
      <c r="AO26" s="521"/>
      <c r="AP26" s="521"/>
      <c r="AQ26" s="521"/>
      <c r="AR26" s="563"/>
      <c r="AS26" s="520">
        <v>3584</v>
      </c>
      <c r="AT26" s="521"/>
      <c r="AU26" s="521"/>
      <c r="AV26" s="521"/>
      <c r="AW26" s="521"/>
      <c r="AX26" s="522"/>
      <c r="AY26" s="472" t="s">
        <v>176</v>
      </c>
      <c r="AZ26" s="473"/>
      <c r="BA26" s="473"/>
      <c r="BB26" s="473"/>
      <c r="BC26" s="473"/>
      <c r="BD26" s="473"/>
      <c r="BE26" s="473"/>
      <c r="BF26" s="473"/>
      <c r="BG26" s="473"/>
      <c r="BH26" s="473"/>
      <c r="BI26" s="473"/>
      <c r="BJ26" s="473"/>
      <c r="BK26" s="473"/>
      <c r="BL26" s="473"/>
      <c r="BM26" s="474"/>
      <c r="BN26" s="469" t="s">
        <v>177</v>
      </c>
      <c r="BO26" s="470"/>
      <c r="BP26" s="470"/>
      <c r="BQ26" s="470"/>
      <c r="BR26" s="470"/>
      <c r="BS26" s="470"/>
      <c r="BT26" s="470"/>
      <c r="BU26" s="471"/>
      <c r="BV26" s="469" t="s">
        <v>177</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8</v>
      </c>
      <c r="F27" s="499"/>
      <c r="G27" s="499"/>
      <c r="H27" s="499"/>
      <c r="I27" s="499"/>
      <c r="J27" s="499"/>
      <c r="K27" s="500"/>
      <c r="L27" s="520">
        <v>1</v>
      </c>
      <c r="M27" s="521"/>
      <c r="N27" s="521"/>
      <c r="O27" s="521"/>
      <c r="P27" s="563"/>
      <c r="Q27" s="520">
        <v>5300</v>
      </c>
      <c r="R27" s="521"/>
      <c r="S27" s="521"/>
      <c r="T27" s="521"/>
      <c r="U27" s="521"/>
      <c r="V27" s="563"/>
      <c r="W27" s="622"/>
      <c r="X27" s="610"/>
      <c r="Y27" s="611"/>
      <c r="Z27" s="519" t="s">
        <v>179</v>
      </c>
      <c r="AA27" s="499"/>
      <c r="AB27" s="499"/>
      <c r="AC27" s="499"/>
      <c r="AD27" s="499"/>
      <c r="AE27" s="499"/>
      <c r="AF27" s="499"/>
      <c r="AG27" s="500"/>
      <c r="AH27" s="520">
        <v>10</v>
      </c>
      <c r="AI27" s="521"/>
      <c r="AJ27" s="521"/>
      <c r="AK27" s="521"/>
      <c r="AL27" s="563"/>
      <c r="AM27" s="520">
        <v>38980</v>
      </c>
      <c r="AN27" s="521"/>
      <c r="AO27" s="521"/>
      <c r="AP27" s="521"/>
      <c r="AQ27" s="521"/>
      <c r="AR27" s="563"/>
      <c r="AS27" s="520">
        <v>3898</v>
      </c>
      <c r="AT27" s="521"/>
      <c r="AU27" s="521"/>
      <c r="AV27" s="521"/>
      <c r="AW27" s="521"/>
      <c r="AX27" s="522"/>
      <c r="AY27" s="564" t="s">
        <v>180</v>
      </c>
      <c r="AZ27" s="565"/>
      <c r="BA27" s="565"/>
      <c r="BB27" s="565"/>
      <c r="BC27" s="565"/>
      <c r="BD27" s="565"/>
      <c r="BE27" s="565"/>
      <c r="BF27" s="565"/>
      <c r="BG27" s="565"/>
      <c r="BH27" s="565"/>
      <c r="BI27" s="565"/>
      <c r="BJ27" s="565"/>
      <c r="BK27" s="565"/>
      <c r="BL27" s="565"/>
      <c r="BM27" s="566"/>
      <c r="BN27" s="645" t="s">
        <v>177</v>
      </c>
      <c r="BO27" s="646"/>
      <c r="BP27" s="646"/>
      <c r="BQ27" s="646"/>
      <c r="BR27" s="646"/>
      <c r="BS27" s="646"/>
      <c r="BT27" s="646"/>
      <c r="BU27" s="647"/>
      <c r="BV27" s="645" t="s">
        <v>128</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1</v>
      </c>
      <c r="F28" s="499"/>
      <c r="G28" s="499"/>
      <c r="H28" s="499"/>
      <c r="I28" s="499"/>
      <c r="J28" s="499"/>
      <c r="K28" s="500"/>
      <c r="L28" s="520">
        <v>1</v>
      </c>
      <c r="M28" s="521"/>
      <c r="N28" s="521"/>
      <c r="O28" s="521"/>
      <c r="P28" s="563"/>
      <c r="Q28" s="520">
        <v>4290</v>
      </c>
      <c r="R28" s="521"/>
      <c r="S28" s="521"/>
      <c r="T28" s="521"/>
      <c r="U28" s="521"/>
      <c r="V28" s="563"/>
      <c r="W28" s="622"/>
      <c r="X28" s="610"/>
      <c r="Y28" s="611"/>
      <c r="Z28" s="519" t="s">
        <v>182</v>
      </c>
      <c r="AA28" s="499"/>
      <c r="AB28" s="499"/>
      <c r="AC28" s="499"/>
      <c r="AD28" s="499"/>
      <c r="AE28" s="499"/>
      <c r="AF28" s="499"/>
      <c r="AG28" s="500"/>
      <c r="AH28" s="520" t="s">
        <v>177</v>
      </c>
      <c r="AI28" s="521"/>
      <c r="AJ28" s="521"/>
      <c r="AK28" s="521"/>
      <c r="AL28" s="563"/>
      <c r="AM28" s="520" t="s">
        <v>177</v>
      </c>
      <c r="AN28" s="521"/>
      <c r="AO28" s="521"/>
      <c r="AP28" s="521"/>
      <c r="AQ28" s="521"/>
      <c r="AR28" s="563"/>
      <c r="AS28" s="520" t="s">
        <v>128</v>
      </c>
      <c r="AT28" s="521"/>
      <c r="AU28" s="521"/>
      <c r="AV28" s="521"/>
      <c r="AW28" s="521"/>
      <c r="AX28" s="522"/>
      <c r="AY28" s="648" t="s">
        <v>183</v>
      </c>
      <c r="AZ28" s="649"/>
      <c r="BA28" s="649"/>
      <c r="BB28" s="650"/>
      <c r="BC28" s="429" t="s">
        <v>48</v>
      </c>
      <c r="BD28" s="430"/>
      <c r="BE28" s="430"/>
      <c r="BF28" s="430"/>
      <c r="BG28" s="430"/>
      <c r="BH28" s="430"/>
      <c r="BI28" s="430"/>
      <c r="BJ28" s="430"/>
      <c r="BK28" s="430"/>
      <c r="BL28" s="430"/>
      <c r="BM28" s="431"/>
      <c r="BN28" s="432">
        <v>2226711</v>
      </c>
      <c r="BO28" s="433"/>
      <c r="BP28" s="433"/>
      <c r="BQ28" s="433"/>
      <c r="BR28" s="433"/>
      <c r="BS28" s="433"/>
      <c r="BT28" s="433"/>
      <c r="BU28" s="434"/>
      <c r="BV28" s="432">
        <v>2055323</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4</v>
      </c>
      <c r="F29" s="499"/>
      <c r="G29" s="499"/>
      <c r="H29" s="499"/>
      <c r="I29" s="499"/>
      <c r="J29" s="499"/>
      <c r="K29" s="500"/>
      <c r="L29" s="520">
        <v>18</v>
      </c>
      <c r="M29" s="521"/>
      <c r="N29" s="521"/>
      <c r="O29" s="521"/>
      <c r="P29" s="563"/>
      <c r="Q29" s="520">
        <v>3980</v>
      </c>
      <c r="R29" s="521"/>
      <c r="S29" s="521"/>
      <c r="T29" s="521"/>
      <c r="U29" s="521"/>
      <c r="V29" s="563"/>
      <c r="W29" s="623"/>
      <c r="X29" s="624"/>
      <c r="Y29" s="625"/>
      <c r="Z29" s="519" t="s">
        <v>185</v>
      </c>
      <c r="AA29" s="499"/>
      <c r="AB29" s="499"/>
      <c r="AC29" s="499"/>
      <c r="AD29" s="499"/>
      <c r="AE29" s="499"/>
      <c r="AF29" s="499"/>
      <c r="AG29" s="500"/>
      <c r="AH29" s="520">
        <v>593</v>
      </c>
      <c r="AI29" s="521"/>
      <c r="AJ29" s="521"/>
      <c r="AK29" s="521"/>
      <c r="AL29" s="563"/>
      <c r="AM29" s="520">
        <v>1835786</v>
      </c>
      <c r="AN29" s="521"/>
      <c r="AO29" s="521"/>
      <c r="AP29" s="521"/>
      <c r="AQ29" s="521"/>
      <c r="AR29" s="563"/>
      <c r="AS29" s="520">
        <v>3096</v>
      </c>
      <c r="AT29" s="521"/>
      <c r="AU29" s="521"/>
      <c r="AV29" s="521"/>
      <c r="AW29" s="521"/>
      <c r="AX29" s="522"/>
      <c r="AY29" s="651"/>
      <c r="AZ29" s="652"/>
      <c r="BA29" s="652"/>
      <c r="BB29" s="653"/>
      <c r="BC29" s="503" t="s">
        <v>186</v>
      </c>
      <c r="BD29" s="504"/>
      <c r="BE29" s="504"/>
      <c r="BF29" s="504"/>
      <c r="BG29" s="504"/>
      <c r="BH29" s="504"/>
      <c r="BI29" s="504"/>
      <c r="BJ29" s="504"/>
      <c r="BK29" s="504"/>
      <c r="BL29" s="504"/>
      <c r="BM29" s="505"/>
      <c r="BN29" s="469" t="s">
        <v>177</v>
      </c>
      <c r="BO29" s="470"/>
      <c r="BP29" s="470"/>
      <c r="BQ29" s="470"/>
      <c r="BR29" s="470"/>
      <c r="BS29" s="470"/>
      <c r="BT29" s="470"/>
      <c r="BU29" s="471"/>
      <c r="BV29" s="469" t="s">
        <v>177</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7</v>
      </c>
      <c r="X30" s="630"/>
      <c r="Y30" s="630"/>
      <c r="Z30" s="630"/>
      <c r="AA30" s="630"/>
      <c r="AB30" s="630"/>
      <c r="AC30" s="630"/>
      <c r="AD30" s="630"/>
      <c r="AE30" s="630"/>
      <c r="AF30" s="630"/>
      <c r="AG30" s="631"/>
      <c r="AH30" s="588">
        <v>100.8</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909963</v>
      </c>
      <c r="BO30" s="646"/>
      <c r="BP30" s="646"/>
      <c r="BQ30" s="646"/>
      <c r="BR30" s="646"/>
      <c r="BS30" s="646"/>
      <c r="BT30" s="646"/>
      <c r="BU30" s="647"/>
      <c r="BV30" s="645">
        <v>767476</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4</v>
      </c>
      <c r="D33" s="493"/>
      <c r="E33" s="458" t="s">
        <v>195</v>
      </c>
      <c r="F33" s="458"/>
      <c r="G33" s="458"/>
      <c r="H33" s="458"/>
      <c r="I33" s="458"/>
      <c r="J33" s="458"/>
      <c r="K33" s="458"/>
      <c r="L33" s="458"/>
      <c r="M33" s="458"/>
      <c r="N33" s="458"/>
      <c r="O33" s="458"/>
      <c r="P33" s="458"/>
      <c r="Q33" s="458"/>
      <c r="R33" s="458"/>
      <c r="S33" s="458"/>
      <c r="T33" s="216"/>
      <c r="U33" s="493" t="s">
        <v>196</v>
      </c>
      <c r="V33" s="493"/>
      <c r="W33" s="458" t="s">
        <v>195</v>
      </c>
      <c r="X33" s="458"/>
      <c r="Y33" s="458"/>
      <c r="Z33" s="458"/>
      <c r="AA33" s="458"/>
      <c r="AB33" s="458"/>
      <c r="AC33" s="458"/>
      <c r="AD33" s="458"/>
      <c r="AE33" s="458"/>
      <c r="AF33" s="458"/>
      <c r="AG33" s="458"/>
      <c r="AH33" s="458"/>
      <c r="AI33" s="458"/>
      <c r="AJ33" s="458"/>
      <c r="AK33" s="458"/>
      <c r="AL33" s="216"/>
      <c r="AM33" s="493" t="s">
        <v>194</v>
      </c>
      <c r="AN33" s="493"/>
      <c r="AO33" s="458" t="s">
        <v>195</v>
      </c>
      <c r="AP33" s="458"/>
      <c r="AQ33" s="458"/>
      <c r="AR33" s="458"/>
      <c r="AS33" s="458"/>
      <c r="AT33" s="458"/>
      <c r="AU33" s="458"/>
      <c r="AV33" s="458"/>
      <c r="AW33" s="458"/>
      <c r="AX33" s="458"/>
      <c r="AY33" s="458"/>
      <c r="AZ33" s="458"/>
      <c r="BA33" s="458"/>
      <c r="BB33" s="458"/>
      <c r="BC33" s="458"/>
      <c r="BD33" s="217"/>
      <c r="BE33" s="458" t="s">
        <v>197</v>
      </c>
      <c r="BF33" s="458"/>
      <c r="BG33" s="458" t="s">
        <v>198</v>
      </c>
      <c r="BH33" s="458"/>
      <c r="BI33" s="458"/>
      <c r="BJ33" s="458"/>
      <c r="BK33" s="458"/>
      <c r="BL33" s="458"/>
      <c r="BM33" s="458"/>
      <c r="BN33" s="458"/>
      <c r="BO33" s="458"/>
      <c r="BP33" s="458"/>
      <c r="BQ33" s="458"/>
      <c r="BR33" s="458"/>
      <c r="BS33" s="458"/>
      <c r="BT33" s="458"/>
      <c r="BU33" s="458"/>
      <c r="BV33" s="217"/>
      <c r="BW33" s="493" t="s">
        <v>197</v>
      </c>
      <c r="BX33" s="493"/>
      <c r="BY33" s="458" t="s">
        <v>199</v>
      </c>
      <c r="BZ33" s="458"/>
      <c r="CA33" s="458"/>
      <c r="CB33" s="458"/>
      <c r="CC33" s="458"/>
      <c r="CD33" s="458"/>
      <c r="CE33" s="458"/>
      <c r="CF33" s="458"/>
      <c r="CG33" s="458"/>
      <c r="CH33" s="458"/>
      <c r="CI33" s="458"/>
      <c r="CJ33" s="458"/>
      <c r="CK33" s="458"/>
      <c r="CL33" s="458"/>
      <c r="CM33" s="458"/>
      <c r="CN33" s="216"/>
      <c r="CO33" s="493" t="s">
        <v>194</v>
      </c>
      <c r="CP33" s="493"/>
      <c r="CQ33" s="458" t="s">
        <v>200</v>
      </c>
      <c r="CR33" s="458"/>
      <c r="CS33" s="458"/>
      <c r="CT33" s="458"/>
      <c r="CU33" s="458"/>
      <c r="CV33" s="458"/>
      <c r="CW33" s="458"/>
      <c r="CX33" s="458"/>
      <c r="CY33" s="458"/>
      <c r="CZ33" s="458"/>
      <c r="DA33" s="458"/>
      <c r="DB33" s="458"/>
      <c r="DC33" s="458"/>
      <c r="DD33" s="458"/>
      <c r="DE33" s="458"/>
      <c r="DF33" s="216"/>
      <c r="DG33" s="657" t="s">
        <v>201</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3</v>
      </c>
      <c r="V34" s="658"/>
      <c r="W34" s="659" t="str">
        <f>IF('各会計、関係団体の財政状況及び健全化判断比率'!B28="","",'各会計、関係団体の財政状況及び健全化判断比率'!B28)</f>
        <v>国民健康保険事業特別会計</v>
      </c>
      <c r="X34" s="659"/>
      <c r="Y34" s="659"/>
      <c r="Z34" s="659"/>
      <c r="AA34" s="659"/>
      <c r="AB34" s="659"/>
      <c r="AC34" s="659"/>
      <c r="AD34" s="659"/>
      <c r="AE34" s="659"/>
      <c r="AF34" s="659"/>
      <c r="AG34" s="659"/>
      <c r="AH34" s="659"/>
      <c r="AI34" s="659"/>
      <c r="AJ34" s="659"/>
      <c r="AK34" s="659"/>
      <c r="AL34" s="214"/>
      <c r="AM34" s="658">
        <f>IF(AO34="","",MAX(C34:D43,U34:V43)+1)</f>
        <v>6</v>
      </c>
      <c r="AN34" s="658"/>
      <c r="AO34" s="659" t="str">
        <f>IF('各会計、関係団体の財政状況及び健全化判断比率'!B31="","",'各会計、関係団体の財政状況及び健全化判断比率'!B31)</f>
        <v>公共下水道事業会計</v>
      </c>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7</v>
      </c>
      <c r="BX34" s="658"/>
      <c r="BY34" s="659" t="str">
        <f>IF('各会計、関係団体の財政状況及び健全化判断比率'!B68="","",'各会計、関係団体の財政状況及び健全化判断比率'!B68)</f>
        <v>広域大和斎場組合（広域大和斎場組合予算）</v>
      </c>
      <c r="BZ34" s="659"/>
      <c r="CA34" s="659"/>
      <c r="CB34" s="659"/>
      <c r="CC34" s="659"/>
      <c r="CD34" s="659"/>
      <c r="CE34" s="659"/>
      <c r="CF34" s="659"/>
      <c r="CG34" s="659"/>
      <c r="CH34" s="659"/>
      <c r="CI34" s="659"/>
      <c r="CJ34" s="659"/>
      <c r="CK34" s="659"/>
      <c r="CL34" s="659"/>
      <c r="CM34" s="659"/>
      <c r="CN34" s="214"/>
      <c r="CO34" s="658">
        <f>IF(CQ34="","",MAX(C34:D43,U34:V43,AM34:AN43,BE34:BF43,BW34:BX43)+1)</f>
        <v>11</v>
      </c>
      <c r="CP34" s="658"/>
      <c r="CQ34" s="659" t="str">
        <f>IF('各会計、関係団体の財政状況及び健全化判断比率'!BS7="","",'各会計、関係団体の財政状況及び健全化判断比率'!BS7)</f>
        <v>綾瀬市土地開発公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
      </c>
      <c r="DH34" s="660"/>
      <c r="DI34" s="218"/>
      <c r="DJ34" s="186"/>
      <c r="DK34" s="186"/>
      <c r="DL34" s="186"/>
      <c r="DM34" s="186"/>
      <c r="DN34" s="186"/>
      <c r="DO34" s="186"/>
    </row>
    <row r="35" spans="1:119" ht="32.25" customHeight="1" x14ac:dyDescent="0.2">
      <c r="A35" s="187"/>
      <c r="B35" s="213"/>
      <c r="C35" s="658">
        <f>IF(E35="","",C34+1)</f>
        <v>2</v>
      </c>
      <c r="D35" s="658"/>
      <c r="E35" s="659" t="str">
        <f>IF('各会計、関係団体の財政状況及び健全化判断比率'!B8="","",'各会計、関係団体の財政状況及び健全化判断比率'!B8)</f>
        <v>深谷中央特定土地区画整理事業特別会計</v>
      </c>
      <c r="F35" s="659"/>
      <c r="G35" s="659"/>
      <c r="H35" s="659"/>
      <c r="I35" s="659"/>
      <c r="J35" s="659"/>
      <c r="K35" s="659"/>
      <c r="L35" s="659"/>
      <c r="M35" s="659"/>
      <c r="N35" s="659"/>
      <c r="O35" s="659"/>
      <c r="P35" s="659"/>
      <c r="Q35" s="659"/>
      <c r="R35" s="659"/>
      <c r="S35" s="659"/>
      <c r="T35" s="214"/>
      <c r="U35" s="658">
        <f>IF(W35="","",U34+1)</f>
        <v>4</v>
      </c>
      <c r="V35" s="658"/>
      <c r="W35" s="659" t="str">
        <f>IF('各会計、関係団体の財政状況及び健全化判断比率'!B29="","",'各会計、関係団体の財政状況及び健全化判断比率'!B29)</f>
        <v>介護保険事業特別会計</v>
      </c>
      <c r="X35" s="659"/>
      <c r="Y35" s="659"/>
      <c r="Z35" s="659"/>
      <c r="AA35" s="659"/>
      <c r="AB35" s="659"/>
      <c r="AC35" s="659"/>
      <c r="AD35" s="659"/>
      <c r="AE35" s="659"/>
      <c r="AF35" s="659"/>
      <c r="AG35" s="659"/>
      <c r="AH35" s="659"/>
      <c r="AI35" s="659"/>
      <c r="AJ35" s="659"/>
      <c r="AK35" s="659"/>
      <c r="AL35" s="214"/>
      <c r="AM35" s="658" t="str">
        <f t="shared" ref="AM35:AM43" si="0">IF(AO35="","",AM34+1)</f>
        <v/>
      </c>
      <c r="AN35" s="658"/>
      <c r="AO35" s="659"/>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8</v>
      </c>
      <c r="BX35" s="658"/>
      <c r="BY35" s="659" t="str">
        <f>IF('各会計、関係団体の財政状況及び健全化判断比率'!B69="","",'各会計、関係団体の財政状況及び健全化判断比率'!B69)</f>
        <v>高座清掃施設組合（一般会計）</v>
      </c>
      <c r="BZ35" s="659"/>
      <c r="CA35" s="659"/>
      <c r="CB35" s="659"/>
      <c r="CC35" s="659"/>
      <c r="CD35" s="659"/>
      <c r="CE35" s="659"/>
      <c r="CF35" s="659"/>
      <c r="CG35" s="659"/>
      <c r="CH35" s="659"/>
      <c r="CI35" s="659"/>
      <c r="CJ35" s="659"/>
      <c r="CK35" s="659"/>
      <c r="CL35" s="659"/>
      <c r="CM35" s="659"/>
      <c r="CN35" s="214"/>
      <c r="CO35" s="658" t="str">
        <f t="shared" ref="CO35:CO43" si="3">IF(CQ35="","",CO34+1)</f>
        <v/>
      </c>
      <c r="CP35" s="658"/>
      <c r="CQ35" s="659" t="str">
        <f>IF('各会計、関係団体の財政状況及び健全化判断比率'!BS8="","",'各会計、関係団体の財政状況及び健全化判断比率'!BS8)</f>
        <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5</v>
      </c>
      <c r="V36" s="658"/>
      <c r="W36" s="659" t="str">
        <f>IF('各会計、関係団体の財政状況及び健全化判断比率'!B30="","",'各会計、関係団体の財政状況及び健全化判断比率'!B30)</f>
        <v>後期高齢者医療事業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9</v>
      </c>
      <c r="BX36" s="658"/>
      <c r="BY36" s="659" t="str">
        <f>IF('各会計、関係団体の財政状況及び健全化判断比率'!B70="","",'各会計、関係団体の財政状況及び健全化判断比率'!B70)</f>
        <v>神奈川県後期高齢者医療広域連合（一般会計）</v>
      </c>
      <c r="BZ36" s="659"/>
      <c r="CA36" s="659"/>
      <c r="CB36" s="659"/>
      <c r="CC36" s="659"/>
      <c r="CD36" s="659"/>
      <c r="CE36" s="659"/>
      <c r="CF36" s="659"/>
      <c r="CG36" s="659"/>
      <c r="CH36" s="659"/>
      <c r="CI36" s="659"/>
      <c r="CJ36" s="659"/>
      <c r="CK36" s="659"/>
      <c r="CL36" s="659"/>
      <c r="CM36" s="659"/>
      <c r="CN36" s="214"/>
      <c r="CO36" s="658" t="str">
        <f t="shared" si="3"/>
        <v/>
      </c>
      <c r="CP36" s="658"/>
      <c r="CQ36" s="659" t="str">
        <f>IF('各会計、関係団体の財政状況及び健全化判断比率'!BS9="","",'各会計、関係団体の財政状況及び健全化判断比率'!BS9)</f>
        <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10</v>
      </c>
      <c r="BX37" s="658"/>
      <c r="BY37" s="659" t="str">
        <f>IF('各会計、関係団体の財政状況及び健全化判断比率'!B71="","",'各会計、関係団体の財政状況及び健全化判断比率'!B71)</f>
        <v>神奈川県後期高齢者医療広域連合（後期高齢者医療特別会計）</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t="str">
        <f t="shared" si="2"/>
        <v/>
      </c>
      <c r="BX38" s="658"/>
      <c r="BY38" s="659" t="str">
        <f>IF('各会計、関係団体の財政状況及び健全化判断比率'!B72="","",'各会計、関係団体の財政状況及び健全化判断比率'!B72)</f>
        <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2</v>
      </c>
      <c r="C46" s="186"/>
      <c r="D46" s="186"/>
      <c r="E46" s="186" t="s">
        <v>203</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4</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5</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6</v>
      </c>
    </row>
    <row r="50" spans="5:5" x14ac:dyDescent="0.2">
      <c r="E50" s="188" t="s">
        <v>207</v>
      </c>
    </row>
    <row r="51" spans="5:5" x14ac:dyDescent="0.2">
      <c r="E51" s="188" t="s">
        <v>208</v>
      </c>
    </row>
    <row r="52" spans="5:5" x14ac:dyDescent="0.2">
      <c r="E52" s="188" t="s">
        <v>209</v>
      </c>
    </row>
    <row r="53" spans="5:5" x14ac:dyDescent="0.2"/>
    <row r="54" spans="5:5" x14ac:dyDescent="0.2"/>
    <row r="55" spans="5:5" x14ac:dyDescent="0.2"/>
    <row r="56" spans="5:5" x14ac:dyDescent="0.2"/>
  </sheetData>
  <sheetProtection algorithmName="SHA-512" hashValue="nQ5qrawh4tLRTTY9eZs5BYh+GZgC0O+4qgDgG+aBh4/loNkvaD/f0rHo4lazL/c4NdlkHp8r+RkRZVUMSTv7MA==" saltValue="CUYuGA29vUhDxdSgUi7sfg=="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5546875" style="23" customWidth="1"/>
    <col min="2" max="2" width="11" style="23" customWidth="1"/>
    <col min="3" max="3" width="17" style="23" customWidth="1"/>
    <col min="4" max="5" width="16.554687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0</v>
      </c>
      <c r="G33" s="29" t="s">
        <v>551</v>
      </c>
      <c r="H33" s="29" t="s">
        <v>552</v>
      </c>
      <c r="I33" s="29" t="s">
        <v>553</v>
      </c>
      <c r="J33" s="30" t="s">
        <v>554</v>
      </c>
      <c r="K33" s="22"/>
      <c r="L33" s="22"/>
      <c r="M33" s="22"/>
      <c r="N33" s="22"/>
      <c r="O33" s="22"/>
      <c r="P33" s="22"/>
    </row>
    <row r="34" spans="1:16" ht="39" customHeight="1" x14ac:dyDescent="0.2">
      <c r="A34" s="22"/>
      <c r="B34" s="31"/>
      <c r="C34" s="1255" t="s">
        <v>557</v>
      </c>
      <c r="D34" s="1255"/>
      <c r="E34" s="1256"/>
      <c r="F34" s="32">
        <v>4.5999999999999996</v>
      </c>
      <c r="G34" s="33">
        <v>5.85</v>
      </c>
      <c r="H34" s="33">
        <v>5.08</v>
      </c>
      <c r="I34" s="33">
        <v>5.24</v>
      </c>
      <c r="J34" s="34">
        <v>6.79</v>
      </c>
      <c r="K34" s="22"/>
      <c r="L34" s="22"/>
      <c r="M34" s="22"/>
      <c r="N34" s="22"/>
      <c r="O34" s="22"/>
      <c r="P34" s="22"/>
    </row>
    <row r="35" spans="1:16" ht="39" customHeight="1" x14ac:dyDescent="0.2">
      <c r="A35" s="22"/>
      <c r="B35" s="35"/>
      <c r="C35" s="1249" t="s">
        <v>558</v>
      </c>
      <c r="D35" s="1250"/>
      <c r="E35" s="1251"/>
      <c r="F35" s="36">
        <v>0.34</v>
      </c>
      <c r="G35" s="37">
        <v>0.57999999999999996</v>
      </c>
      <c r="H35" s="37">
        <v>0.62</v>
      </c>
      <c r="I35" s="37">
        <v>0.37</v>
      </c>
      <c r="J35" s="38">
        <v>0.51</v>
      </c>
      <c r="K35" s="22"/>
      <c r="L35" s="22"/>
      <c r="M35" s="22"/>
      <c r="N35" s="22"/>
      <c r="O35" s="22"/>
      <c r="P35" s="22"/>
    </row>
    <row r="36" spans="1:16" ht="39" customHeight="1" x14ac:dyDescent="0.2">
      <c r="A36" s="22"/>
      <c r="B36" s="35"/>
      <c r="C36" s="1249" t="s">
        <v>559</v>
      </c>
      <c r="D36" s="1250"/>
      <c r="E36" s="1251"/>
      <c r="F36" s="36">
        <v>0.37</v>
      </c>
      <c r="G36" s="37">
        <v>0.81</v>
      </c>
      <c r="H36" s="37">
        <v>0.06</v>
      </c>
      <c r="I36" s="37">
        <v>0.06</v>
      </c>
      <c r="J36" s="38">
        <v>0.14000000000000001</v>
      </c>
      <c r="K36" s="22"/>
      <c r="L36" s="22"/>
      <c r="M36" s="22"/>
      <c r="N36" s="22"/>
      <c r="O36" s="22"/>
      <c r="P36" s="22"/>
    </row>
    <row r="37" spans="1:16" ht="39" customHeight="1" x14ac:dyDescent="0.2">
      <c r="A37" s="22"/>
      <c r="B37" s="35"/>
      <c r="C37" s="1249" t="s">
        <v>560</v>
      </c>
      <c r="D37" s="1250"/>
      <c r="E37" s="1251"/>
      <c r="F37" s="36" t="s">
        <v>509</v>
      </c>
      <c r="G37" s="37" t="s">
        <v>509</v>
      </c>
      <c r="H37" s="37" t="s">
        <v>509</v>
      </c>
      <c r="I37" s="37" t="s">
        <v>509</v>
      </c>
      <c r="J37" s="38">
        <v>0.13</v>
      </c>
      <c r="K37" s="22"/>
      <c r="L37" s="22"/>
      <c r="M37" s="22"/>
      <c r="N37" s="22"/>
      <c r="O37" s="22"/>
      <c r="P37" s="22"/>
    </row>
    <row r="38" spans="1:16" ht="39" customHeight="1" x14ac:dyDescent="0.2">
      <c r="A38" s="22"/>
      <c r="B38" s="35"/>
      <c r="C38" s="1249" t="s">
        <v>561</v>
      </c>
      <c r="D38" s="1250"/>
      <c r="E38" s="1251"/>
      <c r="F38" s="36">
        <v>0.03</v>
      </c>
      <c r="G38" s="37">
        <v>0.09</v>
      </c>
      <c r="H38" s="37">
        <v>0</v>
      </c>
      <c r="I38" s="37">
        <v>0.04</v>
      </c>
      <c r="J38" s="38">
        <v>0.09</v>
      </c>
      <c r="K38" s="22"/>
      <c r="L38" s="22"/>
      <c r="M38" s="22"/>
      <c r="N38" s="22"/>
      <c r="O38" s="22"/>
      <c r="P38" s="22"/>
    </row>
    <row r="39" spans="1:16" ht="39" customHeight="1" x14ac:dyDescent="0.2">
      <c r="A39" s="22"/>
      <c r="B39" s="35"/>
      <c r="C39" s="1249" t="s">
        <v>562</v>
      </c>
      <c r="D39" s="1250"/>
      <c r="E39" s="1251"/>
      <c r="F39" s="36">
        <v>0.03</v>
      </c>
      <c r="G39" s="37">
        <v>0.03</v>
      </c>
      <c r="H39" s="37">
        <v>0.03</v>
      </c>
      <c r="I39" s="37" t="s">
        <v>563</v>
      </c>
      <c r="J39" s="38">
        <v>0</v>
      </c>
      <c r="K39" s="22"/>
      <c r="L39" s="22"/>
      <c r="M39" s="22"/>
      <c r="N39" s="22"/>
      <c r="O39" s="22"/>
      <c r="P39" s="22"/>
    </row>
    <row r="40" spans="1:16" ht="39" customHeight="1" x14ac:dyDescent="0.2">
      <c r="A40" s="22"/>
      <c r="B40" s="35"/>
      <c r="C40" s="1249"/>
      <c r="D40" s="1250"/>
      <c r="E40" s="1251"/>
      <c r="F40" s="36"/>
      <c r="G40" s="37"/>
      <c r="H40" s="37"/>
      <c r="I40" s="37"/>
      <c r="J40" s="38"/>
      <c r="K40" s="22"/>
      <c r="L40" s="22"/>
      <c r="M40" s="22"/>
      <c r="N40" s="22"/>
      <c r="O40" s="22"/>
      <c r="P40" s="22"/>
    </row>
    <row r="41" spans="1:16" ht="39" customHeight="1" x14ac:dyDescent="0.2">
      <c r="A41" s="22"/>
      <c r="B41" s="35"/>
      <c r="C41" s="1249"/>
      <c r="D41" s="1250"/>
      <c r="E41" s="1251"/>
      <c r="F41" s="36"/>
      <c r="G41" s="37"/>
      <c r="H41" s="37"/>
      <c r="I41" s="37"/>
      <c r="J41" s="38"/>
      <c r="K41" s="22"/>
      <c r="L41" s="22"/>
      <c r="M41" s="22"/>
      <c r="N41" s="22"/>
      <c r="O41" s="22"/>
      <c r="P41" s="22"/>
    </row>
    <row r="42" spans="1:16" ht="39" customHeight="1" x14ac:dyDescent="0.2">
      <c r="A42" s="22"/>
      <c r="B42" s="39"/>
      <c r="C42" s="1249" t="s">
        <v>564</v>
      </c>
      <c r="D42" s="1250"/>
      <c r="E42" s="1251"/>
      <c r="F42" s="36" t="s">
        <v>509</v>
      </c>
      <c r="G42" s="37" t="s">
        <v>509</v>
      </c>
      <c r="H42" s="37" t="s">
        <v>509</v>
      </c>
      <c r="I42" s="37" t="s">
        <v>509</v>
      </c>
      <c r="J42" s="38" t="s">
        <v>509</v>
      </c>
      <c r="K42" s="22"/>
      <c r="L42" s="22"/>
      <c r="M42" s="22"/>
      <c r="N42" s="22"/>
      <c r="O42" s="22"/>
      <c r="P42" s="22"/>
    </row>
    <row r="43" spans="1:16" ht="39" customHeight="1" thickBot="1" x14ac:dyDescent="0.25">
      <c r="A43" s="22"/>
      <c r="B43" s="40"/>
      <c r="C43" s="1252" t="s">
        <v>565</v>
      </c>
      <c r="D43" s="1253"/>
      <c r="E43" s="1254"/>
      <c r="F43" s="41">
        <v>0.06</v>
      </c>
      <c r="G43" s="42">
        <v>0.06</v>
      </c>
      <c r="H43" s="42">
        <v>0.06</v>
      </c>
      <c r="I43" s="42">
        <v>0.35</v>
      </c>
      <c r="J43" s="43" t="s">
        <v>509</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pramLF1iYFK2OF0qS2WXkfBZkXd14eQ0SzNCxqbb+KrdODtzvaRQ2YDPGpDtCaWCA23o5y2Diz2gKlnrUxYKRg==" saltValue="bRBO3ro5XLqqjFJXWZj4M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554687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0</v>
      </c>
      <c r="L44" s="56" t="s">
        <v>551</v>
      </c>
      <c r="M44" s="56" t="s">
        <v>552</v>
      </c>
      <c r="N44" s="56" t="s">
        <v>553</v>
      </c>
      <c r="O44" s="57" t="s">
        <v>554</v>
      </c>
      <c r="P44" s="48"/>
      <c r="Q44" s="48"/>
      <c r="R44" s="48"/>
      <c r="S44" s="48"/>
      <c r="T44" s="48"/>
      <c r="U44" s="48"/>
    </row>
    <row r="45" spans="1:21" ht="30.75" customHeight="1" x14ac:dyDescent="0.2">
      <c r="A45" s="48"/>
      <c r="B45" s="1257" t="s">
        <v>11</v>
      </c>
      <c r="C45" s="1258"/>
      <c r="D45" s="58"/>
      <c r="E45" s="1263" t="s">
        <v>12</v>
      </c>
      <c r="F45" s="1263"/>
      <c r="G45" s="1263"/>
      <c r="H45" s="1263"/>
      <c r="I45" s="1263"/>
      <c r="J45" s="1264"/>
      <c r="K45" s="59">
        <v>1865</v>
      </c>
      <c r="L45" s="60">
        <v>1895</v>
      </c>
      <c r="M45" s="60">
        <v>1957</v>
      </c>
      <c r="N45" s="60">
        <v>2009</v>
      </c>
      <c r="O45" s="61">
        <v>2018</v>
      </c>
      <c r="P45" s="48"/>
      <c r="Q45" s="48"/>
      <c r="R45" s="48"/>
      <c r="S45" s="48"/>
      <c r="T45" s="48"/>
      <c r="U45" s="48"/>
    </row>
    <row r="46" spans="1:21" ht="30.75" customHeight="1" x14ac:dyDescent="0.2">
      <c r="A46" s="48"/>
      <c r="B46" s="1259"/>
      <c r="C46" s="1260"/>
      <c r="D46" s="62"/>
      <c r="E46" s="1265" t="s">
        <v>13</v>
      </c>
      <c r="F46" s="1265"/>
      <c r="G46" s="1265"/>
      <c r="H46" s="1265"/>
      <c r="I46" s="1265"/>
      <c r="J46" s="1266"/>
      <c r="K46" s="63" t="s">
        <v>509</v>
      </c>
      <c r="L46" s="64" t="s">
        <v>509</v>
      </c>
      <c r="M46" s="64" t="s">
        <v>509</v>
      </c>
      <c r="N46" s="64" t="s">
        <v>509</v>
      </c>
      <c r="O46" s="65" t="s">
        <v>509</v>
      </c>
      <c r="P46" s="48"/>
      <c r="Q46" s="48"/>
      <c r="R46" s="48"/>
      <c r="S46" s="48"/>
      <c r="T46" s="48"/>
      <c r="U46" s="48"/>
    </row>
    <row r="47" spans="1:21" ht="30.75" customHeight="1" x14ac:dyDescent="0.2">
      <c r="A47" s="48"/>
      <c r="B47" s="1259"/>
      <c r="C47" s="1260"/>
      <c r="D47" s="62"/>
      <c r="E47" s="1265" t="s">
        <v>14</v>
      </c>
      <c r="F47" s="1265"/>
      <c r="G47" s="1265"/>
      <c r="H47" s="1265"/>
      <c r="I47" s="1265"/>
      <c r="J47" s="1266"/>
      <c r="K47" s="63" t="s">
        <v>509</v>
      </c>
      <c r="L47" s="64" t="s">
        <v>509</v>
      </c>
      <c r="M47" s="64" t="s">
        <v>509</v>
      </c>
      <c r="N47" s="64" t="s">
        <v>509</v>
      </c>
      <c r="O47" s="65" t="s">
        <v>509</v>
      </c>
      <c r="P47" s="48"/>
      <c r="Q47" s="48"/>
      <c r="R47" s="48"/>
      <c r="S47" s="48"/>
      <c r="T47" s="48"/>
      <c r="U47" s="48"/>
    </row>
    <row r="48" spans="1:21" ht="30.75" customHeight="1" x14ac:dyDescent="0.2">
      <c r="A48" s="48"/>
      <c r="B48" s="1259"/>
      <c r="C48" s="1260"/>
      <c r="D48" s="62"/>
      <c r="E48" s="1265" t="s">
        <v>15</v>
      </c>
      <c r="F48" s="1265"/>
      <c r="G48" s="1265"/>
      <c r="H48" s="1265"/>
      <c r="I48" s="1265"/>
      <c r="J48" s="1266"/>
      <c r="K48" s="63">
        <v>1170</v>
      </c>
      <c r="L48" s="64">
        <v>1203</v>
      </c>
      <c r="M48" s="64">
        <v>1202</v>
      </c>
      <c r="N48" s="64">
        <v>1166</v>
      </c>
      <c r="O48" s="65">
        <v>681</v>
      </c>
      <c r="P48" s="48"/>
      <c r="Q48" s="48"/>
      <c r="R48" s="48"/>
      <c r="S48" s="48"/>
      <c r="T48" s="48"/>
      <c r="U48" s="48"/>
    </row>
    <row r="49" spans="1:21" ht="30.75" customHeight="1" x14ac:dyDescent="0.2">
      <c r="A49" s="48"/>
      <c r="B49" s="1259"/>
      <c r="C49" s="1260"/>
      <c r="D49" s="62"/>
      <c r="E49" s="1265" t="s">
        <v>16</v>
      </c>
      <c r="F49" s="1265"/>
      <c r="G49" s="1265"/>
      <c r="H49" s="1265"/>
      <c r="I49" s="1265"/>
      <c r="J49" s="1266"/>
      <c r="K49" s="63">
        <v>12</v>
      </c>
      <c r="L49" s="64">
        <v>0</v>
      </c>
      <c r="M49" s="64">
        <v>19</v>
      </c>
      <c r="N49" s="64">
        <v>45</v>
      </c>
      <c r="O49" s="65">
        <v>97</v>
      </c>
      <c r="P49" s="48"/>
      <c r="Q49" s="48"/>
      <c r="R49" s="48"/>
      <c r="S49" s="48"/>
      <c r="T49" s="48"/>
      <c r="U49" s="48"/>
    </row>
    <row r="50" spans="1:21" ht="30.75" customHeight="1" x14ac:dyDescent="0.2">
      <c r="A50" s="48"/>
      <c r="B50" s="1259"/>
      <c r="C50" s="1260"/>
      <c r="D50" s="62"/>
      <c r="E50" s="1265" t="s">
        <v>17</v>
      </c>
      <c r="F50" s="1265"/>
      <c r="G50" s="1265"/>
      <c r="H50" s="1265"/>
      <c r="I50" s="1265"/>
      <c r="J50" s="1266"/>
      <c r="K50" s="63">
        <v>299</v>
      </c>
      <c r="L50" s="64">
        <v>661</v>
      </c>
      <c r="M50" s="64">
        <v>159</v>
      </c>
      <c r="N50" s="64">
        <v>3</v>
      </c>
      <c r="O50" s="65">
        <v>333</v>
      </c>
      <c r="P50" s="48"/>
      <c r="Q50" s="48"/>
      <c r="R50" s="48"/>
      <c r="S50" s="48"/>
      <c r="T50" s="48"/>
      <c r="U50" s="48"/>
    </row>
    <row r="51" spans="1:21" ht="30.75" customHeight="1" x14ac:dyDescent="0.2">
      <c r="A51" s="48"/>
      <c r="B51" s="1261"/>
      <c r="C51" s="1262"/>
      <c r="D51" s="66"/>
      <c r="E51" s="1265" t="s">
        <v>18</v>
      </c>
      <c r="F51" s="1265"/>
      <c r="G51" s="1265"/>
      <c r="H51" s="1265"/>
      <c r="I51" s="1265"/>
      <c r="J51" s="1266"/>
      <c r="K51" s="63" t="s">
        <v>509</v>
      </c>
      <c r="L51" s="64">
        <v>0</v>
      </c>
      <c r="M51" s="64" t="s">
        <v>509</v>
      </c>
      <c r="N51" s="64" t="s">
        <v>509</v>
      </c>
      <c r="O51" s="65" t="s">
        <v>509</v>
      </c>
      <c r="P51" s="48"/>
      <c r="Q51" s="48"/>
      <c r="R51" s="48"/>
      <c r="S51" s="48"/>
      <c r="T51" s="48"/>
      <c r="U51" s="48"/>
    </row>
    <row r="52" spans="1:21" ht="30.75" customHeight="1" x14ac:dyDescent="0.2">
      <c r="A52" s="48"/>
      <c r="B52" s="1267" t="s">
        <v>19</v>
      </c>
      <c r="C52" s="1268"/>
      <c r="D52" s="66"/>
      <c r="E52" s="1265" t="s">
        <v>20</v>
      </c>
      <c r="F52" s="1265"/>
      <c r="G52" s="1265"/>
      <c r="H52" s="1265"/>
      <c r="I52" s="1265"/>
      <c r="J52" s="1266"/>
      <c r="K52" s="63">
        <v>2328</v>
      </c>
      <c r="L52" s="64">
        <v>2375</v>
      </c>
      <c r="M52" s="64">
        <v>2382</v>
      </c>
      <c r="N52" s="64">
        <v>2368</v>
      </c>
      <c r="O52" s="65">
        <v>2448</v>
      </c>
      <c r="P52" s="48"/>
      <c r="Q52" s="48"/>
      <c r="R52" s="48"/>
      <c r="S52" s="48"/>
      <c r="T52" s="48"/>
      <c r="U52" s="48"/>
    </row>
    <row r="53" spans="1:21" ht="30.75" customHeight="1" thickBot="1" x14ac:dyDescent="0.25">
      <c r="A53" s="48"/>
      <c r="B53" s="1269" t="s">
        <v>21</v>
      </c>
      <c r="C53" s="1270"/>
      <c r="D53" s="67"/>
      <c r="E53" s="1271" t="s">
        <v>22</v>
      </c>
      <c r="F53" s="1271"/>
      <c r="G53" s="1271"/>
      <c r="H53" s="1271"/>
      <c r="I53" s="1271"/>
      <c r="J53" s="1272"/>
      <c r="K53" s="68">
        <v>1018</v>
      </c>
      <c r="L53" s="69">
        <v>1384</v>
      </c>
      <c r="M53" s="69">
        <v>955</v>
      </c>
      <c r="N53" s="69">
        <v>855</v>
      </c>
      <c r="O53" s="70">
        <v>68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6</v>
      </c>
      <c r="P55" s="48"/>
      <c r="Q55" s="48"/>
      <c r="R55" s="48"/>
      <c r="S55" s="48"/>
      <c r="T55" s="48"/>
      <c r="U55" s="48"/>
    </row>
    <row r="56" spans="1:21" ht="31.5" customHeight="1" thickBot="1" x14ac:dyDescent="0.25">
      <c r="A56" s="48"/>
      <c r="B56" s="76"/>
      <c r="C56" s="77"/>
      <c r="D56" s="77"/>
      <c r="E56" s="78"/>
      <c r="F56" s="78"/>
      <c r="G56" s="78"/>
      <c r="H56" s="78"/>
      <c r="I56" s="78"/>
      <c r="J56" s="79" t="s">
        <v>2</v>
      </c>
      <c r="K56" s="80" t="s">
        <v>567</v>
      </c>
      <c r="L56" s="81" t="s">
        <v>568</v>
      </c>
      <c r="M56" s="81" t="s">
        <v>569</v>
      </c>
      <c r="N56" s="81" t="s">
        <v>570</v>
      </c>
      <c r="O56" s="82" t="s">
        <v>571</v>
      </c>
      <c r="P56" s="48"/>
      <c r="Q56" s="48"/>
      <c r="R56" s="48"/>
      <c r="S56" s="48"/>
      <c r="T56" s="48"/>
      <c r="U56" s="48"/>
    </row>
    <row r="57" spans="1:21" ht="31.5" customHeight="1" x14ac:dyDescent="0.2">
      <c r="B57" s="1273" t="s">
        <v>25</v>
      </c>
      <c r="C57" s="1274"/>
      <c r="D57" s="1277" t="s">
        <v>26</v>
      </c>
      <c r="E57" s="1278"/>
      <c r="F57" s="1278"/>
      <c r="G57" s="1278"/>
      <c r="H57" s="1278"/>
      <c r="I57" s="1278"/>
      <c r="J57" s="1279"/>
      <c r="K57" s="83"/>
      <c r="L57" s="84"/>
      <c r="M57" s="84"/>
      <c r="N57" s="84"/>
      <c r="O57" s="85"/>
    </row>
    <row r="58" spans="1:21" ht="31.5" customHeight="1" thickBot="1" x14ac:dyDescent="0.25">
      <c r="B58" s="1275"/>
      <c r="C58" s="1276"/>
      <c r="D58" s="1280" t="s">
        <v>27</v>
      </c>
      <c r="E58" s="1281"/>
      <c r="F58" s="1281"/>
      <c r="G58" s="1281"/>
      <c r="H58" s="1281"/>
      <c r="I58" s="1281"/>
      <c r="J58" s="1282"/>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Ocz+KK3Im0JaxFzcAHzwtb9LiGB/Xc1oUJu/0tkYQ9o/UG4zAbmZZQLz/rje+dQgcrTVq0pTYeYGgKiOuMVP/A==" saltValue="RK5jG/NeN1fumxip3QGaA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5546875" style="93" customWidth="1"/>
    <col min="2" max="3" width="12.5546875" style="93" customWidth="1"/>
    <col min="4" max="4" width="11.5546875" style="93" customWidth="1"/>
    <col min="5" max="8" width="10.44140625" style="93" customWidth="1"/>
    <col min="9" max="13" width="16.44140625" style="93" customWidth="1"/>
    <col min="14" max="19" width="12.554687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0</v>
      </c>
      <c r="J40" s="100" t="s">
        <v>551</v>
      </c>
      <c r="K40" s="100" t="s">
        <v>552</v>
      </c>
      <c r="L40" s="100" t="s">
        <v>553</v>
      </c>
      <c r="M40" s="101" t="s">
        <v>554</v>
      </c>
    </row>
    <row r="41" spans="2:13" ht="27.75" customHeight="1" x14ac:dyDescent="0.2">
      <c r="B41" s="1283" t="s">
        <v>30</v>
      </c>
      <c r="C41" s="1284"/>
      <c r="D41" s="102"/>
      <c r="E41" s="1289" t="s">
        <v>31</v>
      </c>
      <c r="F41" s="1289"/>
      <c r="G41" s="1289"/>
      <c r="H41" s="1290"/>
      <c r="I41" s="103">
        <v>16310</v>
      </c>
      <c r="J41" s="104">
        <v>16687</v>
      </c>
      <c r="K41" s="104">
        <v>16694</v>
      </c>
      <c r="L41" s="104">
        <v>16801</v>
      </c>
      <c r="M41" s="105">
        <v>15881</v>
      </c>
    </row>
    <row r="42" spans="2:13" ht="27.75" customHeight="1" x14ac:dyDescent="0.2">
      <c r="B42" s="1285"/>
      <c r="C42" s="1286"/>
      <c r="D42" s="106"/>
      <c r="E42" s="1291" t="s">
        <v>32</v>
      </c>
      <c r="F42" s="1291"/>
      <c r="G42" s="1291"/>
      <c r="H42" s="1292"/>
      <c r="I42" s="107">
        <v>1248</v>
      </c>
      <c r="J42" s="108">
        <v>1017</v>
      </c>
      <c r="K42" s="108">
        <v>591</v>
      </c>
      <c r="L42" s="108">
        <v>420</v>
      </c>
      <c r="M42" s="109">
        <v>452</v>
      </c>
    </row>
    <row r="43" spans="2:13" ht="27.75" customHeight="1" x14ac:dyDescent="0.2">
      <c r="B43" s="1285"/>
      <c r="C43" s="1286"/>
      <c r="D43" s="106"/>
      <c r="E43" s="1291" t="s">
        <v>33</v>
      </c>
      <c r="F43" s="1291"/>
      <c r="G43" s="1291"/>
      <c r="H43" s="1292"/>
      <c r="I43" s="107">
        <v>10102</v>
      </c>
      <c r="J43" s="108">
        <v>9523</v>
      </c>
      <c r="K43" s="108">
        <v>8745</v>
      </c>
      <c r="L43" s="108">
        <v>8062</v>
      </c>
      <c r="M43" s="109">
        <v>6177</v>
      </c>
    </row>
    <row r="44" spans="2:13" ht="27.75" customHeight="1" x14ac:dyDescent="0.2">
      <c r="B44" s="1285"/>
      <c r="C44" s="1286"/>
      <c r="D44" s="106"/>
      <c r="E44" s="1291" t="s">
        <v>34</v>
      </c>
      <c r="F44" s="1291"/>
      <c r="G44" s="1291"/>
      <c r="H44" s="1292"/>
      <c r="I44" s="107">
        <v>765</v>
      </c>
      <c r="J44" s="108">
        <v>1869</v>
      </c>
      <c r="K44" s="108">
        <v>3479</v>
      </c>
      <c r="L44" s="108">
        <v>3484</v>
      </c>
      <c r="M44" s="109">
        <v>3460</v>
      </c>
    </row>
    <row r="45" spans="2:13" ht="27.75" customHeight="1" x14ac:dyDescent="0.2">
      <c r="B45" s="1285"/>
      <c r="C45" s="1286"/>
      <c r="D45" s="106"/>
      <c r="E45" s="1291" t="s">
        <v>35</v>
      </c>
      <c r="F45" s="1291"/>
      <c r="G45" s="1291"/>
      <c r="H45" s="1292"/>
      <c r="I45" s="107">
        <v>5395</v>
      </c>
      <c r="J45" s="108">
        <v>5432</v>
      </c>
      <c r="K45" s="108">
        <v>5148</v>
      </c>
      <c r="L45" s="108">
        <v>5025</v>
      </c>
      <c r="M45" s="109">
        <v>4949</v>
      </c>
    </row>
    <row r="46" spans="2:13" ht="27.75" customHeight="1" x14ac:dyDescent="0.2">
      <c r="B46" s="1285"/>
      <c r="C46" s="1286"/>
      <c r="D46" s="110"/>
      <c r="E46" s="1291" t="s">
        <v>36</v>
      </c>
      <c r="F46" s="1291"/>
      <c r="G46" s="1291"/>
      <c r="H46" s="1292"/>
      <c r="I46" s="107" t="s">
        <v>509</v>
      </c>
      <c r="J46" s="108" t="s">
        <v>509</v>
      </c>
      <c r="K46" s="108" t="s">
        <v>509</v>
      </c>
      <c r="L46" s="108" t="s">
        <v>509</v>
      </c>
      <c r="M46" s="109" t="s">
        <v>509</v>
      </c>
    </row>
    <row r="47" spans="2:13" ht="27.75" customHeight="1" x14ac:dyDescent="0.2">
      <c r="B47" s="1285"/>
      <c r="C47" s="1286"/>
      <c r="D47" s="111"/>
      <c r="E47" s="1293" t="s">
        <v>37</v>
      </c>
      <c r="F47" s="1294"/>
      <c r="G47" s="1294"/>
      <c r="H47" s="1295"/>
      <c r="I47" s="107" t="s">
        <v>509</v>
      </c>
      <c r="J47" s="108" t="s">
        <v>509</v>
      </c>
      <c r="K47" s="108" t="s">
        <v>509</v>
      </c>
      <c r="L47" s="108" t="s">
        <v>509</v>
      </c>
      <c r="M47" s="109" t="s">
        <v>509</v>
      </c>
    </row>
    <row r="48" spans="2:13" ht="27.75" customHeight="1" x14ac:dyDescent="0.2">
      <c r="B48" s="1285"/>
      <c r="C48" s="1286"/>
      <c r="D48" s="106"/>
      <c r="E48" s="1291" t="s">
        <v>38</v>
      </c>
      <c r="F48" s="1291"/>
      <c r="G48" s="1291"/>
      <c r="H48" s="1292"/>
      <c r="I48" s="107" t="s">
        <v>509</v>
      </c>
      <c r="J48" s="108" t="s">
        <v>509</v>
      </c>
      <c r="K48" s="108" t="s">
        <v>509</v>
      </c>
      <c r="L48" s="108" t="s">
        <v>509</v>
      </c>
      <c r="M48" s="109" t="s">
        <v>509</v>
      </c>
    </row>
    <row r="49" spans="2:13" ht="27.75" customHeight="1" x14ac:dyDescent="0.2">
      <c r="B49" s="1287"/>
      <c r="C49" s="1288"/>
      <c r="D49" s="106"/>
      <c r="E49" s="1291" t="s">
        <v>39</v>
      </c>
      <c r="F49" s="1291"/>
      <c r="G49" s="1291"/>
      <c r="H49" s="1292"/>
      <c r="I49" s="107" t="s">
        <v>509</v>
      </c>
      <c r="J49" s="108" t="s">
        <v>509</v>
      </c>
      <c r="K49" s="108" t="s">
        <v>509</v>
      </c>
      <c r="L49" s="108" t="s">
        <v>509</v>
      </c>
      <c r="M49" s="109" t="s">
        <v>509</v>
      </c>
    </row>
    <row r="50" spans="2:13" ht="27.75" customHeight="1" x14ac:dyDescent="0.2">
      <c r="B50" s="1296" t="s">
        <v>40</v>
      </c>
      <c r="C50" s="1297"/>
      <c r="D50" s="112"/>
      <c r="E50" s="1291" t="s">
        <v>41</v>
      </c>
      <c r="F50" s="1291"/>
      <c r="G50" s="1291"/>
      <c r="H50" s="1292"/>
      <c r="I50" s="107">
        <v>2802</v>
      </c>
      <c r="J50" s="108">
        <v>2551</v>
      </c>
      <c r="K50" s="108">
        <v>2629</v>
      </c>
      <c r="L50" s="108">
        <v>3280</v>
      </c>
      <c r="M50" s="109">
        <v>3571</v>
      </c>
    </row>
    <row r="51" spans="2:13" ht="27.75" customHeight="1" x14ac:dyDescent="0.2">
      <c r="B51" s="1285"/>
      <c r="C51" s="1286"/>
      <c r="D51" s="106"/>
      <c r="E51" s="1291" t="s">
        <v>42</v>
      </c>
      <c r="F51" s="1291"/>
      <c r="G51" s="1291"/>
      <c r="H51" s="1292"/>
      <c r="I51" s="107">
        <v>2690</v>
      </c>
      <c r="J51" s="108">
        <v>2606</v>
      </c>
      <c r="K51" s="108">
        <v>2423</v>
      </c>
      <c r="L51" s="108">
        <v>2305</v>
      </c>
      <c r="M51" s="109">
        <v>2443</v>
      </c>
    </row>
    <row r="52" spans="2:13" ht="27.75" customHeight="1" x14ac:dyDescent="0.2">
      <c r="B52" s="1287"/>
      <c r="C52" s="1288"/>
      <c r="D52" s="106"/>
      <c r="E52" s="1291" t="s">
        <v>43</v>
      </c>
      <c r="F52" s="1291"/>
      <c r="G52" s="1291"/>
      <c r="H52" s="1292"/>
      <c r="I52" s="107">
        <v>21919</v>
      </c>
      <c r="J52" s="108">
        <v>21944</v>
      </c>
      <c r="K52" s="108">
        <v>21725</v>
      </c>
      <c r="L52" s="108">
        <v>21217</v>
      </c>
      <c r="M52" s="109">
        <v>20671</v>
      </c>
    </row>
    <row r="53" spans="2:13" ht="27.75" customHeight="1" thickBot="1" x14ac:dyDescent="0.25">
      <c r="B53" s="1298" t="s">
        <v>44</v>
      </c>
      <c r="C53" s="1299"/>
      <c r="D53" s="113"/>
      <c r="E53" s="1300" t="s">
        <v>45</v>
      </c>
      <c r="F53" s="1300"/>
      <c r="G53" s="1300"/>
      <c r="H53" s="1301"/>
      <c r="I53" s="114">
        <v>6408</v>
      </c>
      <c r="J53" s="115">
        <v>7426</v>
      </c>
      <c r="K53" s="115">
        <v>7880</v>
      </c>
      <c r="L53" s="115">
        <v>6989</v>
      </c>
      <c r="M53" s="116">
        <v>4233</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QjAHV+dy5n2gVSZwMPtBbWxlHGQ20g+gKY76G9E8+4FRiNrrlvOjOS/cnsNwqPikPsbkU9kQo6OsmbN1nHjs/g==" saltValue="y/XcrYUujJ1Shue8vUPVm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33203125" style="1" customWidth="1"/>
    <col min="2" max="2" width="16.44140625" style="1" customWidth="1"/>
    <col min="3" max="5" width="26.33203125" style="1" customWidth="1"/>
    <col min="6" max="8" width="24.3320312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2</v>
      </c>
      <c r="G54" s="125" t="s">
        <v>553</v>
      </c>
      <c r="H54" s="126" t="s">
        <v>554</v>
      </c>
    </row>
    <row r="55" spans="2:8" ht="52.5" customHeight="1" x14ac:dyDescent="0.2">
      <c r="B55" s="127"/>
      <c r="C55" s="1310" t="s">
        <v>48</v>
      </c>
      <c r="D55" s="1310"/>
      <c r="E55" s="1311"/>
      <c r="F55" s="128">
        <v>1587</v>
      </c>
      <c r="G55" s="128">
        <v>2055</v>
      </c>
      <c r="H55" s="129">
        <v>2227</v>
      </c>
    </row>
    <row r="56" spans="2:8" ht="52.5" customHeight="1" x14ac:dyDescent="0.2">
      <c r="B56" s="130"/>
      <c r="C56" s="1312" t="s">
        <v>49</v>
      </c>
      <c r="D56" s="1312"/>
      <c r="E56" s="1313"/>
      <c r="F56" s="131" t="s">
        <v>509</v>
      </c>
      <c r="G56" s="131" t="s">
        <v>509</v>
      </c>
      <c r="H56" s="132" t="s">
        <v>509</v>
      </c>
    </row>
    <row r="57" spans="2:8" ht="53.25" customHeight="1" x14ac:dyDescent="0.2">
      <c r="B57" s="130"/>
      <c r="C57" s="1314" t="s">
        <v>50</v>
      </c>
      <c r="D57" s="1314"/>
      <c r="E57" s="1315"/>
      <c r="F57" s="133">
        <v>658</v>
      </c>
      <c r="G57" s="133">
        <v>767</v>
      </c>
      <c r="H57" s="134">
        <v>910</v>
      </c>
    </row>
    <row r="58" spans="2:8" ht="45.75" customHeight="1" x14ac:dyDescent="0.2">
      <c r="B58" s="135"/>
      <c r="C58" s="1302" t="s">
        <v>578</v>
      </c>
      <c r="D58" s="1303"/>
      <c r="E58" s="1304"/>
      <c r="F58" s="136">
        <v>471</v>
      </c>
      <c r="G58" s="136">
        <v>516</v>
      </c>
      <c r="H58" s="137">
        <v>540</v>
      </c>
    </row>
    <row r="59" spans="2:8" ht="45.75" customHeight="1" x14ac:dyDescent="0.2">
      <c r="B59" s="135"/>
      <c r="C59" s="1302" t="s">
        <v>582</v>
      </c>
      <c r="D59" s="1303"/>
      <c r="E59" s="1304"/>
      <c r="F59" s="136" t="s">
        <v>583</v>
      </c>
      <c r="G59" s="136" t="s">
        <v>583</v>
      </c>
      <c r="H59" s="137">
        <v>150</v>
      </c>
    </row>
    <row r="60" spans="2:8" ht="45.75" customHeight="1" x14ac:dyDescent="0.2">
      <c r="B60" s="135"/>
      <c r="C60" s="1302" t="s">
        <v>581</v>
      </c>
      <c r="D60" s="1303"/>
      <c r="E60" s="1304"/>
      <c r="F60" s="136">
        <v>65</v>
      </c>
      <c r="G60" s="136">
        <v>153</v>
      </c>
      <c r="H60" s="137">
        <v>99</v>
      </c>
    </row>
    <row r="61" spans="2:8" ht="45.75" customHeight="1" x14ac:dyDescent="0.2">
      <c r="B61" s="135"/>
      <c r="C61" s="1302" t="s">
        <v>579</v>
      </c>
      <c r="D61" s="1303"/>
      <c r="E61" s="1304"/>
      <c r="F61" s="136">
        <v>56</v>
      </c>
      <c r="G61" s="136">
        <v>55</v>
      </c>
      <c r="H61" s="137">
        <v>66</v>
      </c>
    </row>
    <row r="62" spans="2:8" ht="45.75" customHeight="1" thickBot="1" x14ac:dyDescent="0.25">
      <c r="B62" s="138"/>
      <c r="C62" s="1305" t="s">
        <v>580</v>
      </c>
      <c r="D62" s="1306"/>
      <c r="E62" s="1307"/>
      <c r="F62" s="139">
        <v>50</v>
      </c>
      <c r="G62" s="139">
        <v>25</v>
      </c>
      <c r="H62" s="140">
        <v>25</v>
      </c>
    </row>
    <row r="63" spans="2:8" ht="52.5" customHeight="1" thickBot="1" x14ac:dyDescent="0.25">
      <c r="B63" s="141"/>
      <c r="C63" s="1308" t="s">
        <v>51</v>
      </c>
      <c r="D63" s="1308"/>
      <c r="E63" s="1309"/>
      <c r="F63" s="142">
        <v>2245</v>
      </c>
      <c r="G63" s="142">
        <v>2823</v>
      </c>
      <c r="H63" s="143">
        <v>3137</v>
      </c>
    </row>
    <row r="64" spans="2:8" ht="15" customHeight="1" x14ac:dyDescent="0.2"/>
  </sheetData>
  <sheetProtection algorithmName="SHA-512" hashValue="7/3qwPGWEyNQArndLKmhO5Qi+14naXARxQbsfSsvL+K1wrgL3NPvQxpRrrK1RG07TuKX8QVh4Zj/mtkDVnsl+w==" saltValue="tsqtZbaJYa5MbA/DKJ67C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44140625" style="390" customWidth="1"/>
    <col min="2" max="107" width="2.44140625" style="390" customWidth="1"/>
    <col min="108" max="108" width="6.109375" style="398" customWidth="1"/>
    <col min="109" max="109" width="5.88671875" style="397" customWidth="1"/>
    <col min="110" max="110" width="19.109375" style="390" hidden="1"/>
    <col min="111" max="115" width="12.5546875" style="390" hidden="1"/>
    <col min="116" max="349" width="8.554687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554687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554687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554687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554687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554687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554687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554687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554687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554687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554687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554687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554687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554687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554687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554687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554687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554687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554687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554687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554687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554687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554687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554687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554687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554687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554687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554687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554687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554687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554687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554687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554687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554687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554687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554687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554687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554687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554687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554687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554687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554687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554687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554687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554687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554687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554687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554687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554687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554687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554687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554687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554687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554687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554687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554687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554687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554687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554687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554687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554687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554687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554687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554687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85</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85</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86</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87</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7" t="s">
        <v>597</v>
      </c>
      <c r="AO43" s="1318"/>
      <c r="AP43" s="1318"/>
      <c r="AQ43" s="1318"/>
      <c r="AR43" s="1318"/>
      <c r="AS43" s="1318"/>
      <c r="AT43" s="1318"/>
      <c r="AU43" s="1318"/>
      <c r="AV43" s="1318"/>
      <c r="AW43" s="1318"/>
      <c r="AX43" s="1318"/>
      <c r="AY43" s="1318"/>
      <c r="AZ43" s="1318"/>
      <c r="BA43" s="1318"/>
      <c r="BB43" s="1318"/>
      <c r="BC43" s="1318"/>
      <c r="BD43" s="1318"/>
      <c r="BE43" s="1318"/>
      <c r="BF43" s="1318"/>
      <c r="BG43" s="1318"/>
      <c r="BH43" s="1318"/>
      <c r="BI43" s="1318"/>
      <c r="BJ43" s="1318"/>
      <c r="BK43" s="1318"/>
      <c r="BL43" s="1318"/>
      <c r="BM43" s="1318"/>
      <c r="BN43" s="1318"/>
      <c r="BO43" s="1318"/>
      <c r="BP43" s="1318"/>
      <c r="BQ43" s="1318"/>
      <c r="BR43" s="1318"/>
      <c r="BS43" s="1318"/>
      <c r="BT43" s="1318"/>
      <c r="BU43" s="1318"/>
      <c r="BV43" s="1318"/>
      <c r="BW43" s="1318"/>
      <c r="BX43" s="1318"/>
      <c r="BY43" s="1318"/>
      <c r="BZ43" s="1318"/>
      <c r="CA43" s="1318"/>
      <c r="CB43" s="1318"/>
      <c r="CC43" s="1318"/>
      <c r="CD43" s="1318"/>
      <c r="CE43" s="1318"/>
      <c r="CF43" s="1318"/>
      <c r="CG43" s="1318"/>
      <c r="CH43" s="1318"/>
      <c r="CI43" s="1318"/>
      <c r="CJ43" s="1318"/>
      <c r="CK43" s="1318"/>
      <c r="CL43" s="1318"/>
      <c r="CM43" s="1318"/>
      <c r="CN43" s="1318"/>
      <c r="CO43" s="1318"/>
      <c r="CP43" s="1318"/>
      <c r="CQ43" s="1318"/>
      <c r="CR43" s="1318"/>
      <c r="CS43" s="1318"/>
      <c r="CT43" s="1318"/>
      <c r="CU43" s="1318"/>
      <c r="CV43" s="1318"/>
      <c r="CW43" s="1318"/>
      <c r="CX43" s="1318"/>
      <c r="CY43" s="1318"/>
      <c r="CZ43" s="1318"/>
      <c r="DA43" s="1318"/>
      <c r="DB43" s="1318"/>
      <c r="DC43" s="1319"/>
    </row>
    <row r="44" spans="2:109" ht="13.2" x14ac:dyDescent="0.2">
      <c r="B44" s="397"/>
      <c r="AN44" s="1320"/>
      <c r="AO44" s="1321"/>
      <c r="AP44" s="1321"/>
      <c r="AQ44" s="1321"/>
      <c r="AR44" s="1321"/>
      <c r="AS44" s="1321"/>
      <c r="AT44" s="1321"/>
      <c r="AU44" s="1321"/>
      <c r="AV44" s="1321"/>
      <c r="AW44" s="1321"/>
      <c r="AX44" s="1321"/>
      <c r="AY44" s="1321"/>
      <c r="AZ44" s="1321"/>
      <c r="BA44" s="1321"/>
      <c r="BB44" s="1321"/>
      <c r="BC44" s="1321"/>
      <c r="BD44" s="1321"/>
      <c r="BE44" s="1321"/>
      <c r="BF44" s="1321"/>
      <c r="BG44" s="1321"/>
      <c r="BH44" s="1321"/>
      <c r="BI44" s="1321"/>
      <c r="BJ44" s="1321"/>
      <c r="BK44" s="1321"/>
      <c r="BL44" s="1321"/>
      <c r="BM44" s="1321"/>
      <c r="BN44" s="1321"/>
      <c r="BO44" s="1321"/>
      <c r="BP44" s="1321"/>
      <c r="BQ44" s="1321"/>
      <c r="BR44" s="1321"/>
      <c r="BS44" s="1321"/>
      <c r="BT44" s="1321"/>
      <c r="BU44" s="1321"/>
      <c r="BV44" s="1321"/>
      <c r="BW44" s="1321"/>
      <c r="BX44" s="1321"/>
      <c r="BY44" s="1321"/>
      <c r="BZ44" s="1321"/>
      <c r="CA44" s="1321"/>
      <c r="CB44" s="1321"/>
      <c r="CC44" s="1321"/>
      <c r="CD44" s="1321"/>
      <c r="CE44" s="1321"/>
      <c r="CF44" s="1321"/>
      <c r="CG44" s="1321"/>
      <c r="CH44" s="1321"/>
      <c r="CI44" s="1321"/>
      <c r="CJ44" s="1321"/>
      <c r="CK44" s="1321"/>
      <c r="CL44" s="1321"/>
      <c r="CM44" s="1321"/>
      <c r="CN44" s="1321"/>
      <c r="CO44" s="1321"/>
      <c r="CP44" s="1321"/>
      <c r="CQ44" s="1321"/>
      <c r="CR44" s="1321"/>
      <c r="CS44" s="1321"/>
      <c r="CT44" s="1321"/>
      <c r="CU44" s="1321"/>
      <c r="CV44" s="1321"/>
      <c r="CW44" s="1321"/>
      <c r="CX44" s="1321"/>
      <c r="CY44" s="1321"/>
      <c r="CZ44" s="1321"/>
      <c r="DA44" s="1321"/>
      <c r="DB44" s="1321"/>
      <c r="DC44" s="1322"/>
    </row>
    <row r="45" spans="2:109" ht="13.2" x14ac:dyDescent="0.2">
      <c r="B45" s="397"/>
      <c r="AN45" s="1320"/>
      <c r="AO45" s="1321"/>
      <c r="AP45" s="1321"/>
      <c r="AQ45" s="1321"/>
      <c r="AR45" s="1321"/>
      <c r="AS45" s="1321"/>
      <c r="AT45" s="1321"/>
      <c r="AU45" s="1321"/>
      <c r="AV45" s="1321"/>
      <c r="AW45" s="1321"/>
      <c r="AX45" s="1321"/>
      <c r="AY45" s="1321"/>
      <c r="AZ45" s="1321"/>
      <c r="BA45" s="1321"/>
      <c r="BB45" s="1321"/>
      <c r="BC45" s="1321"/>
      <c r="BD45" s="1321"/>
      <c r="BE45" s="1321"/>
      <c r="BF45" s="1321"/>
      <c r="BG45" s="1321"/>
      <c r="BH45" s="1321"/>
      <c r="BI45" s="1321"/>
      <c r="BJ45" s="1321"/>
      <c r="BK45" s="1321"/>
      <c r="BL45" s="1321"/>
      <c r="BM45" s="1321"/>
      <c r="BN45" s="1321"/>
      <c r="BO45" s="1321"/>
      <c r="BP45" s="1321"/>
      <c r="BQ45" s="1321"/>
      <c r="BR45" s="1321"/>
      <c r="BS45" s="1321"/>
      <c r="BT45" s="1321"/>
      <c r="BU45" s="1321"/>
      <c r="BV45" s="1321"/>
      <c r="BW45" s="1321"/>
      <c r="BX45" s="1321"/>
      <c r="BY45" s="1321"/>
      <c r="BZ45" s="1321"/>
      <c r="CA45" s="1321"/>
      <c r="CB45" s="1321"/>
      <c r="CC45" s="1321"/>
      <c r="CD45" s="1321"/>
      <c r="CE45" s="1321"/>
      <c r="CF45" s="1321"/>
      <c r="CG45" s="1321"/>
      <c r="CH45" s="1321"/>
      <c r="CI45" s="1321"/>
      <c r="CJ45" s="1321"/>
      <c r="CK45" s="1321"/>
      <c r="CL45" s="1321"/>
      <c r="CM45" s="1321"/>
      <c r="CN45" s="1321"/>
      <c r="CO45" s="1321"/>
      <c r="CP45" s="1321"/>
      <c r="CQ45" s="1321"/>
      <c r="CR45" s="1321"/>
      <c r="CS45" s="1321"/>
      <c r="CT45" s="1321"/>
      <c r="CU45" s="1321"/>
      <c r="CV45" s="1321"/>
      <c r="CW45" s="1321"/>
      <c r="CX45" s="1321"/>
      <c r="CY45" s="1321"/>
      <c r="CZ45" s="1321"/>
      <c r="DA45" s="1321"/>
      <c r="DB45" s="1321"/>
      <c r="DC45" s="1322"/>
    </row>
    <row r="46" spans="2:109" ht="13.2" x14ac:dyDescent="0.2">
      <c r="B46" s="397"/>
      <c r="AN46" s="1320"/>
      <c r="AO46" s="1321"/>
      <c r="AP46" s="1321"/>
      <c r="AQ46" s="1321"/>
      <c r="AR46" s="1321"/>
      <c r="AS46" s="1321"/>
      <c r="AT46" s="1321"/>
      <c r="AU46" s="1321"/>
      <c r="AV46" s="1321"/>
      <c r="AW46" s="1321"/>
      <c r="AX46" s="1321"/>
      <c r="AY46" s="1321"/>
      <c r="AZ46" s="1321"/>
      <c r="BA46" s="1321"/>
      <c r="BB46" s="1321"/>
      <c r="BC46" s="1321"/>
      <c r="BD46" s="1321"/>
      <c r="BE46" s="1321"/>
      <c r="BF46" s="1321"/>
      <c r="BG46" s="1321"/>
      <c r="BH46" s="1321"/>
      <c r="BI46" s="1321"/>
      <c r="BJ46" s="1321"/>
      <c r="BK46" s="1321"/>
      <c r="BL46" s="1321"/>
      <c r="BM46" s="1321"/>
      <c r="BN46" s="1321"/>
      <c r="BO46" s="1321"/>
      <c r="BP46" s="1321"/>
      <c r="BQ46" s="1321"/>
      <c r="BR46" s="1321"/>
      <c r="BS46" s="1321"/>
      <c r="BT46" s="1321"/>
      <c r="BU46" s="1321"/>
      <c r="BV46" s="1321"/>
      <c r="BW46" s="1321"/>
      <c r="BX46" s="1321"/>
      <c r="BY46" s="1321"/>
      <c r="BZ46" s="1321"/>
      <c r="CA46" s="1321"/>
      <c r="CB46" s="1321"/>
      <c r="CC46" s="1321"/>
      <c r="CD46" s="1321"/>
      <c r="CE46" s="1321"/>
      <c r="CF46" s="1321"/>
      <c r="CG46" s="1321"/>
      <c r="CH46" s="1321"/>
      <c r="CI46" s="1321"/>
      <c r="CJ46" s="1321"/>
      <c r="CK46" s="1321"/>
      <c r="CL46" s="1321"/>
      <c r="CM46" s="1321"/>
      <c r="CN46" s="1321"/>
      <c r="CO46" s="1321"/>
      <c r="CP46" s="1321"/>
      <c r="CQ46" s="1321"/>
      <c r="CR46" s="1321"/>
      <c r="CS46" s="1321"/>
      <c r="CT46" s="1321"/>
      <c r="CU46" s="1321"/>
      <c r="CV46" s="1321"/>
      <c r="CW46" s="1321"/>
      <c r="CX46" s="1321"/>
      <c r="CY46" s="1321"/>
      <c r="CZ46" s="1321"/>
      <c r="DA46" s="1321"/>
      <c r="DB46" s="1321"/>
      <c r="DC46" s="1322"/>
    </row>
    <row r="47" spans="2:109" ht="13.2" x14ac:dyDescent="0.2">
      <c r="B47" s="397"/>
      <c r="AN47" s="1323"/>
      <c r="AO47" s="1324"/>
      <c r="AP47" s="1324"/>
      <c r="AQ47" s="1324"/>
      <c r="AR47" s="1324"/>
      <c r="AS47" s="1324"/>
      <c r="AT47" s="1324"/>
      <c r="AU47" s="1324"/>
      <c r="AV47" s="1324"/>
      <c r="AW47" s="1324"/>
      <c r="AX47" s="1324"/>
      <c r="AY47" s="1324"/>
      <c r="AZ47" s="1324"/>
      <c r="BA47" s="1324"/>
      <c r="BB47" s="1324"/>
      <c r="BC47" s="1324"/>
      <c r="BD47" s="1324"/>
      <c r="BE47" s="1324"/>
      <c r="BF47" s="1324"/>
      <c r="BG47" s="1324"/>
      <c r="BH47" s="1324"/>
      <c r="BI47" s="1324"/>
      <c r="BJ47" s="1324"/>
      <c r="BK47" s="1324"/>
      <c r="BL47" s="1324"/>
      <c r="BM47" s="1324"/>
      <c r="BN47" s="1324"/>
      <c r="BO47" s="1324"/>
      <c r="BP47" s="1324"/>
      <c r="BQ47" s="1324"/>
      <c r="BR47" s="1324"/>
      <c r="BS47" s="1324"/>
      <c r="BT47" s="1324"/>
      <c r="BU47" s="1324"/>
      <c r="BV47" s="1324"/>
      <c r="BW47" s="1324"/>
      <c r="BX47" s="1324"/>
      <c r="BY47" s="1324"/>
      <c r="BZ47" s="1324"/>
      <c r="CA47" s="1324"/>
      <c r="CB47" s="1324"/>
      <c r="CC47" s="1324"/>
      <c r="CD47" s="1324"/>
      <c r="CE47" s="1324"/>
      <c r="CF47" s="1324"/>
      <c r="CG47" s="1324"/>
      <c r="CH47" s="1324"/>
      <c r="CI47" s="1324"/>
      <c r="CJ47" s="1324"/>
      <c r="CK47" s="1324"/>
      <c r="CL47" s="1324"/>
      <c r="CM47" s="1324"/>
      <c r="CN47" s="1324"/>
      <c r="CO47" s="1324"/>
      <c r="CP47" s="1324"/>
      <c r="CQ47" s="1324"/>
      <c r="CR47" s="1324"/>
      <c r="CS47" s="1324"/>
      <c r="CT47" s="1324"/>
      <c r="CU47" s="1324"/>
      <c r="CV47" s="1324"/>
      <c r="CW47" s="1324"/>
      <c r="CX47" s="1324"/>
      <c r="CY47" s="1324"/>
      <c r="CZ47" s="1324"/>
      <c r="DA47" s="1324"/>
      <c r="DB47" s="1324"/>
      <c r="DC47" s="1325"/>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88</v>
      </c>
    </row>
    <row r="50" spans="1:109" ht="13.2" x14ac:dyDescent="0.2">
      <c r="B50" s="397"/>
      <c r="G50" s="1326"/>
      <c r="H50" s="1326"/>
      <c r="I50" s="1326"/>
      <c r="J50" s="1326"/>
      <c r="K50" s="407"/>
      <c r="L50" s="407"/>
      <c r="M50" s="408"/>
      <c r="N50" s="408"/>
      <c r="AN50" s="1327"/>
      <c r="AO50" s="1328"/>
      <c r="AP50" s="1328"/>
      <c r="AQ50" s="1328"/>
      <c r="AR50" s="1328"/>
      <c r="AS50" s="1328"/>
      <c r="AT50" s="1328"/>
      <c r="AU50" s="1328"/>
      <c r="AV50" s="1328"/>
      <c r="AW50" s="1328"/>
      <c r="AX50" s="1328"/>
      <c r="AY50" s="1328"/>
      <c r="AZ50" s="1328"/>
      <c r="BA50" s="1328"/>
      <c r="BB50" s="1328"/>
      <c r="BC50" s="1328"/>
      <c r="BD50" s="1328"/>
      <c r="BE50" s="1328"/>
      <c r="BF50" s="1328"/>
      <c r="BG50" s="1328"/>
      <c r="BH50" s="1328"/>
      <c r="BI50" s="1328"/>
      <c r="BJ50" s="1328"/>
      <c r="BK50" s="1328"/>
      <c r="BL50" s="1328"/>
      <c r="BM50" s="1328"/>
      <c r="BN50" s="1328"/>
      <c r="BO50" s="1329"/>
      <c r="BP50" s="1330" t="s">
        <v>550</v>
      </c>
      <c r="BQ50" s="1330"/>
      <c r="BR50" s="1330"/>
      <c r="BS50" s="1330"/>
      <c r="BT50" s="1330"/>
      <c r="BU50" s="1330"/>
      <c r="BV50" s="1330"/>
      <c r="BW50" s="1330"/>
      <c r="BX50" s="1330" t="s">
        <v>551</v>
      </c>
      <c r="BY50" s="1330"/>
      <c r="BZ50" s="1330"/>
      <c r="CA50" s="1330"/>
      <c r="CB50" s="1330"/>
      <c r="CC50" s="1330"/>
      <c r="CD50" s="1330"/>
      <c r="CE50" s="1330"/>
      <c r="CF50" s="1330" t="s">
        <v>552</v>
      </c>
      <c r="CG50" s="1330"/>
      <c r="CH50" s="1330"/>
      <c r="CI50" s="1330"/>
      <c r="CJ50" s="1330"/>
      <c r="CK50" s="1330"/>
      <c r="CL50" s="1330"/>
      <c r="CM50" s="1330"/>
      <c r="CN50" s="1330" t="s">
        <v>553</v>
      </c>
      <c r="CO50" s="1330"/>
      <c r="CP50" s="1330"/>
      <c r="CQ50" s="1330"/>
      <c r="CR50" s="1330"/>
      <c r="CS50" s="1330"/>
      <c r="CT50" s="1330"/>
      <c r="CU50" s="1330"/>
      <c r="CV50" s="1330" t="s">
        <v>554</v>
      </c>
      <c r="CW50" s="1330"/>
      <c r="CX50" s="1330"/>
      <c r="CY50" s="1330"/>
      <c r="CZ50" s="1330"/>
      <c r="DA50" s="1330"/>
      <c r="DB50" s="1330"/>
      <c r="DC50" s="1330"/>
    </row>
    <row r="51" spans="1:109" ht="13.5" customHeight="1" x14ac:dyDescent="0.2">
      <c r="B51" s="397"/>
      <c r="G51" s="1331"/>
      <c r="H51" s="1331"/>
      <c r="I51" s="1334"/>
      <c r="J51" s="1334"/>
      <c r="K51" s="1332"/>
      <c r="L51" s="1332"/>
      <c r="M51" s="1332"/>
      <c r="N51" s="1332"/>
      <c r="AM51" s="406"/>
      <c r="AN51" s="1333" t="s">
        <v>589</v>
      </c>
      <c r="AO51" s="1333"/>
      <c r="AP51" s="1333"/>
      <c r="AQ51" s="1333"/>
      <c r="AR51" s="1333"/>
      <c r="AS51" s="1333"/>
      <c r="AT51" s="1333"/>
      <c r="AU51" s="1333"/>
      <c r="AV51" s="1333"/>
      <c r="AW51" s="1333"/>
      <c r="AX51" s="1333"/>
      <c r="AY51" s="1333"/>
      <c r="AZ51" s="1333"/>
      <c r="BA51" s="1333"/>
      <c r="BB51" s="1333" t="s">
        <v>590</v>
      </c>
      <c r="BC51" s="1333"/>
      <c r="BD51" s="1333"/>
      <c r="BE51" s="1333"/>
      <c r="BF51" s="1333"/>
      <c r="BG51" s="1333"/>
      <c r="BH51" s="1333"/>
      <c r="BI51" s="1333"/>
      <c r="BJ51" s="1333"/>
      <c r="BK51" s="1333"/>
      <c r="BL51" s="1333"/>
      <c r="BM51" s="1333"/>
      <c r="BN51" s="1333"/>
      <c r="BO51" s="1333"/>
      <c r="BP51" s="1316">
        <v>46</v>
      </c>
      <c r="BQ51" s="1316"/>
      <c r="BR51" s="1316"/>
      <c r="BS51" s="1316"/>
      <c r="BT51" s="1316"/>
      <c r="BU51" s="1316"/>
      <c r="BV51" s="1316"/>
      <c r="BW51" s="1316"/>
      <c r="BX51" s="1316">
        <v>52.9</v>
      </c>
      <c r="BY51" s="1316"/>
      <c r="BZ51" s="1316"/>
      <c r="CA51" s="1316"/>
      <c r="CB51" s="1316"/>
      <c r="CC51" s="1316"/>
      <c r="CD51" s="1316"/>
      <c r="CE51" s="1316"/>
      <c r="CF51" s="1316">
        <v>55.4</v>
      </c>
      <c r="CG51" s="1316"/>
      <c r="CH51" s="1316"/>
      <c r="CI51" s="1316"/>
      <c r="CJ51" s="1316"/>
      <c r="CK51" s="1316"/>
      <c r="CL51" s="1316"/>
      <c r="CM51" s="1316"/>
      <c r="CN51" s="1316">
        <v>48.8</v>
      </c>
      <c r="CO51" s="1316"/>
      <c r="CP51" s="1316"/>
      <c r="CQ51" s="1316"/>
      <c r="CR51" s="1316"/>
      <c r="CS51" s="1316"/>
      <c r="CT51" s="1316"/>
      <c r="CU51" s="1316"/>
      <c r="CV51" s="1316">
        <v>28.9</v>
      </c>
      <c r="CW51" s="1316"/>
      <c r="CX51" s="1316"/>
      <c r="CY51" s="1316"/>
      <c r="CZ51" s="1316"/>
      <c r="DA51" s="1316"/>
      <c r="DB51" s="1316"/>
      <c r="DC51" s="1316"/>
    </row>
    <row r="52" spans="1:109" ht="13.2" x14ac:dyDescent="0.2">
      <c r="B52" s="397"/>
      <c r="G52" s="1331"/>
      <c r="H52" s="1331"/>
      <c r="I52" s="1334"/>
      <c r="J52" s="1334"/>
      <c r="K52" s="1332"/>
      <c r="L52" s="1332"/>
      <c r="M52" s="1332"/>
      <c r="N52" s="1332"/>
      <c r="AM52" s="406"/>
      <c r="AN52" s="1333"/>
      <c r="AO52" s="1333"/>
      <c r="AP52" s="1333"/>
      <c r="AQ52" s="1333"/>
      <c r="AR52" s="1333"/>
      <c r="AS52" s="1333"/>
      <c r="AT52" s="1333"/>
      <c r="AU52" s="1333"/>
      <c r="AV52" s="1333"/>
      <c r="AW52" s="1333"/>
      <c r="AX52" s="1333"/>
      <c r="AY52" s="1333"/>
      <c r="AZ52" s="1333"/>
      <c r="BA52" s="1333"/>
      <c r="BB52" s="1333"/>
      <c r="BC52" s="1333"/>
      <c r="BD52" s="1333"/>
      <c r="BE52" s="1333"/>
      <c r="BF52" s="1333"/>
      <c r="BG52" s="1333"/>
      <c r="BH52" s="1333"/>
      <c r="BI52" s="1333"/>
      <c r="BJ52" s="1333"/>
      <c r="BK52" s="1333"/>
      <c r="BL52" s="1333"/>
      <c r="BM52" s="1333"/>
      <c r="BN52" s="1333"/>
      <c r="BO52" s="1333"/>
      <c r="BP52" s="1316"/>
      <c r="BQ52" s="1316"/>
      <c r="BR52" s="1316"/>
      <c r="BS52" s="1316"/>
      <c r="BT52" s="1316"/>
      <c r="BU52" s="1316"/>
      <c r="BV52" s="1316"/>
      <c r="BW52" s="1316"/>
      <c r="BX52" s="1316"/>
      <c r="BY52" s="1316"/>
      <c r="BZ52" s="1316"/>
      <c r="CA52" s="1316"/>
      <c r="CB52" s="1316"/>
      <c r="CC52" s="1316"/>
      <c r="CD52" s="1316"/>
      <c r="CE52" s="1316"/>
      <c r="CF52" s="1316"/>
      <c r="CG52" s="1316"/>
      <c r="CH52" s="1316"/>
      <c r="CI52" s="1316"/>
      <c r="CJ52" s="1316"/>
      <c r="CK52" s="1316"/>
      <c r="CL52" s="1316"/>
      <c r="CM52" s="1316"/>
      <c r="CN52" s="1316"/>
      <c r="CO52" s="1316"/>
      <c r="CP52" s="1316"/>
      <c r="CQ52" s="1316"/>
      <c r="CR52" s="1316"/>
      <c r="CS52" s="1316"/>
      <c r="CT52" s="1316"/>
      <c r="CU52" s="1316"/>
      <c r="CV52" s="1316"/>
      <c r="CW52" s="1316"/>
      <c r="CX52" s="1316"/>
      <c r="CY52" s="1316"/>
      <c r="CZ52" s="1316"/>
      <c r="DA52" s="1316"/>
      <c r="DB52" s="1316"/>
      <c r="DC52" s="1316"/>
    </row>
    <row r="53" spans="1:109" ht="13.2" x14ac:dyDescent="0.2">
      <c r="A53" s="405"/>
      <c r="B53" s="397"/>
      <c r="G53" s="1331"/>
      <c r="H53" s="1331"/>
      <c r="I53" s="1326"/>
      <c r="J53" s="1326"/>
      <c r="K53" s="1332"/>
      <c r="L53" s="1332"/>
      <c r="M53" s="1332"/>
      <c r="N53" s="1332"/>
      <c r="AM53" s="406"/>
      <c r="AN53" s="1333"/>
      <c r="AO53" s="1333"/>
      <c r="AP53" s="1333"/>
      <c r="AQ53" s="1333"/>
      <c r="AR53" s="1333"/>
      <c r="AS53" s="1333"/>
      <c r="AT53" s="1333"/>
      <c r="AU53" s="1333"/>
      <c r="AV53" s="1333"/>
      <c r="AW53" s="1333"/>
      <c r="AX53" s="1333"/>
      <c r="AY53" s="1333"/>
      <c r="AZ53" s="1333"/>
      <c r="BA53" s="1333"/>
      <c r="BB53" s="1333" t="s">
        <v>591</v>
      </c>
      <c r="BC53" s="1333"/>
      <c r="BD53" s="1333"/>
      <c r="BE53" s="1333"/>
      <c r="BF53" s="1333"/>
      <c r="BG53" s="1333"/>
      <c r="BH53" s="1333"/>
      <c r="BI53" s="1333"/>
      <c r="BJ53" s="1333"/>
      <c r="BK53" s="1333"/>
      <c r="BL53" s="1333"/>
      <c r="BM53" s="1333"/>
      <c r="BN53" s="1333"/>
      <c r="BO53" s="1333"/>
      <c r="BP53" s="1316">
        <v>33.5</v>
      </c>
      <c r="BQ53" s="1316"/>
      <c r="BR53" s="1316"/>
      <c r="BS53" s="1316"/>
      <c r="BT53" s="1316"/>
      <c r="BU53" s="1316"/>
      <c r="BV53" s="1316"/>
      <c r="BW53" s="1316"/>
      <c r="BX53" s="1316">
        <v>34.299999999999997</v>
      </c>
      <c r="BY53" s="1316"/>
      <c r="BZ53" s="1316"/>
      <c r="CA53" s="1316"/>
      <c r="CB53" s="1316"/>
      <c r="CC53" s="1316"/>
      <c r="CD53" s="1316"/>
      <c r="CE53" s="1316"/>
      <c r="CF53" s="1316">
        <v>35.200000000000003</v>
      </c>
      <c r="CG53" s="1316"/>
      <c r="CH53" s="1316"/>
      <c r="CI53" s="1316"/>
      <c r="CJ53" s="1316"/>
      <c r="CK53" s="1316"/>
      <c r="CL53" s="1316"/>
      <c r="CM53" s="1316"/>
      <c r="CN53" s="1316">
        <v>36.200000000000003</v>
      </c>
      <c r="CO53" s="1316"/>
      <c r="CP53" s="1316"/>
      <c r="CQ53" s="1316"/>
      <c r="CR53" s="1316"/>
      <c r="CS53" s="1316"/>
      <c r="CT53" s="1316"/>
      <c r="CU53" s="1316"/>
      <c r="CV53" s="1316">
        <v>37.5</v>
      </c>
      <c r="CW53" s="1316"/>
      <c r="CX53" s="1316"/>
      <c r="CY53" s="1316"/>
      <c r="CZ53" s="1316"/>
      <c r="DA53" s="1316"/>
      <c r="DB53" s="1316"/>
      <c r="DC53" s="1316"/>
    </row>
    <row r="54" spans="1:109" ht="13.2" x14ac:dyDescent="0.2">
      <c r="A54" s="405"/>
      <c r="B54" s="397"/>
      <c r="G54" s="1331"/>
      <c r="H54" s="1331"/>
      <c r="I54" s="1326"/>
      <c r="J54" s="1326"/>
      <c r="K54" s="1332"/>
      <c r="L54" s="1332"/>
      <c r="M54" s="1332"/>
      <c r="N54" s="1332"/>
      <c r="AM54" s="406"/>
      <c r="AN54" s="1333"/>
      <c r="AO54" s="1333"/>
      <c r="AP54" s="1333"/>
      <c r="AQ54" s="1333"/>
      <c r="AR54" s="1333"/>
      <c r="AS54" s="1333"/>
      <c r="AT54" s="1333"/>
      <c r="AU54" s="1333"/>
      <c r="AV54" s="1333"/>
      <c r="AW54" s="1333"/>
      <c r="AX54" s="1333"/>
      <c r="AY54" s="1333"/>
      <c r="AZ54" s="1333"/>
      <c r="BA54" s="1333"/>
      <c r="BB54" s="1333"/>
      <c r="BC54" s="1333"/>
      <c r="BD54" s="1333"/>
      <c r="BE54" s="1333"/>
      <c r="BF54" s="1333"/>
      <c r="BG54" s="1333"/>
      <c r="BH54" s="1333"/>
      <c r="BI54" s="1333"/>
      <c r="BJ54" s="1333"/>
      <c r="BK54" s="1333"/>
      <c r="BL54" s="1333"/>
      <c r="BM54" s="1333"/>
      <c r="BN54" s="1333"/>
      <c r="BO54" s="1333"/>
      <c r="BP54" s="1316"/>
      <c r="BQ54" s="1316"/>
      <c r="BR54" s="1316"/>
      <c r="BS54" s="1316"/>
      <c r="BT54" s="1316"/>
      <c r="BU54" s="1316"/>
      <c r="BV54" s="1316"/>
      <c r="BW54" s="1316"/>
      <c r="BX54" s="1316"/>
      <c r="BY54" s="1316"/>
      <c r="BZ54" s="1316"/>
      <c r="CA54" s="1316"/>
      <c r="CB54" s="1316"/>
      <c r="CC54" s="1316"/>
      <c r="CD54" s="1316"/>
      <c r="CE54" s="1316"/>
      <c r="CF54" s="1316"/>
      <c r="CG54" s="1316"/>
      <c r="CH54" s="1316"/>
      <c r="CI54" s="1316"/>
      <c r="CJ54" s="1316"/>
      <c r="CK54" s="1316"/>
      <c r="CL54" s="1316"/>
      <c r="CM54" s="1316"/>
      <c r="CN54" s="1316"/>
      <c r="CO54" s="1316"/>
      <c r="CP54" s="1316"/>
      <c r="CQ54" s="1316"/>
      <c r="CR54" s="1316"/>
      <c r="CS54" s="1316"/>
      <c r="CT54" s="1316"/>
      <c r="CU54" s="1316"/>
      <c r="CV54" s="1316"/>
      <c r="CW54" s="1316"/>
      <c r="CX54" s="1316"/>
      <c r="CY54" s="1316"/>
      <c r="CZ54" s="1316"/>
      <c r="DA54" s="1316"/>
      <c r="DB54" s="1316"/>
      <c r="DC54" s="1316"/>
    </row>
    <row r="55" spans="1:109" ht="13.2" x14ac:dyDescent="0.2">
      <c r="A55" s="405"/>
      <c r="B55" s="397"/>
      <c r="G55" s="1326"/>
      <c r="H55" s="1326"/>
      <c r="I55" s="1326"/>
      <c r="J55" s="1326"/>
      <c r="K55" s="1332"/>
      <c r="L55" s="1332"/>
      <c r="M55" s="1332"/>
      <c r="N55" s="1332"/>
      <c r="AN55" s="1330" t="s">
        <v>592</v>
      </c>
      <c r="AO55" s="1330"/>
      <c r="AP55" s="1330"/>
      <c r="AQ55" s="1330"/>
      <c r="AR55" s="1330"/>
      <c r="AS55" s="1330"/>
      <c r="AT55" s="1330"/>
      <c r="AU55" s="1330"/>
      <c r="AV55" s="1330"/>
      <c r="AW55" s="1330"/>
      <c r="AX55" s="1330"/>
      <c r="AY55" s="1330"/>
      <c r="AZ55" s="1330"/>
      <c r="BA55" s="1330"/>
      <c r="BB55" s="1333" t="s">
        <v>590</v>
      </c>
      <c r="BC55" s="1333"/>
      <c r="BD55" s="1333"/>
      <c r="BE55" s="1333"/>
      <c r="BF55" s="1333"/>
      <c r="BG55" s="1333"/>
      <c r="BH55" s="1333"/>
      <c r="BI55" s="1333"/>
      <c r="BJ55" s="1333"/>
      <c r="BK55" s="1333"/>
      <c r="BL55" s="1333"/>
      <c r="BM55" s="1333"/>
      <c r="BN55" s="1333"/>
      <c r="BO55" s="1333"/>
      <c r="BP55" s="1316">
        <v>33.1</v>
      </c>
      <c r="BQ55" s="1316"/>
      <c r="BR55" s="1316"/>
      <c r="BS55" s="1316"/>
      <c r="BT55" s="1316"/>
      <c r="BU55" s="1316"/>
      <c r="BV55" s="1316"/>
      <c r="BW55" s="1316"/>
      <c r="BX55" s="1316">
        <v>31.3</v>
      </c>
      <c r="BY55" s="1316"/>
      <c r="BZ55" s="1316"/>
      <c r="CA55" s="1316"/>
      <c r="CB55" s="1316"/>
      <c r="CC55" s="1316"/>
      <c r="CD55" s="1316"/>
      <c r="CE55" s="1316"/>
      <c r="CF55" s="1316">
        <v>25.3</v>
      </c>
      <c r="CG55" s="1316"/>
      <c r="CH55" s="1316"/>
      <c r="CI55" s="1316"/>
      <c r="CJ55" s="1316"/>
      <c r="CK55" s="1316"/>
      <c r="CL55" s="1316"/>
      <c r="CM55" s="1316"/>
      <c r="CN55" s="1316">
        <v>25.5</v>
      </c>
      <c r="CO55" s="1316"/>
      <c r="CP55" s="1316"/>
      <c r="CQ55" s="1316"/>
      <c r="CR55" s="1316"/>
      <c r="CS55" s="1316"/>
      <c r="CT55" s="1316"/>
      <c r="CU55" s="1316"/>
      <c r="CV55" s="1316">
        <v>25.1</v>
      </c>
      <c r="CW55" s="1316"/>
      <c r="CX55" s="1316"/>
      <c r="CY55" s="1316"/>
      <c r="CZ55" s="1316"/>
      <c r="DA55" s="1316"/>
      <c r="DB55" s="1316"/>
      <c r="DC55" s="1316"/>
    </row>
    <row r="56" spans="1:109" ht="13.2" x14ac:dyDescent="0.2">
      <c r="A56" s="405"/>
      <c r="B56" s="397"/>
      <c r="G56" s="1326"/>
      <c r="H56" s="1326"/>
      <c r="I56" s="1326"/>
      <c r="J56" s="1326"/>
      <c r="K56" s="1332"/>
      <c r="L56" s="1332"/>
      <c r="M56" s="1332"/>
      <c r="N56" s="1332"/>
      <c r="AN56" s="1330"/>
      <c r="AO56" s="1330"/>
      <c r="AP56" s="1330"/>
      <c r="AQ56" s="1330"/>
      <c r="AR56" s="1330"/>
      <c r="AS56" s="1330"/>
      <c r="AT56" s="1330"/>
      <c r="AU56" s="1330"/>
      <c r="AV56" s="1330"/>
      <c r="AW56" s="1330"/>
      <c r="AX56" s="1330"/>
      <c r="AY56" s="1330"/>
      <c r="AZ56" s="1330"/>
      <c r="BA56" s="1330"/>
      <c r="BB56" s="1333"/>
      <c r="BC56" s="1333"/>
      <c r="BD56" s="1333"/>
      <c r="BE56" s="1333"/>
      <c r="BF56" s="1333"/>
      <c r="BG56" s="1333"/>
      <c r="BH56" s="1333"/>
      <c r="BI56" s="1333"/>
      <c r="BJ56" s="1333"/>
      <c r="BK56" s="1333"/>
      <c r="BL56" s="1333"/>
      <c r="BM56" s="1333"/>
      <c r="BN56" s="1333"/>
      <c r="BO56" s="1333"/>
      <c r="BP56" s="1316"/>
      <c r="BQ56" s="1316"/>
      <c r="BR56" s="1316"/>
      <c r="BS56" s="1316"/>
      <c r="BT56" s="1316"/>
      <c r="BU56" s="1316"/>
      <c r="BV56" s="1316"/>
      <c r="BW56" s="1316"/>
      <c r="BX56" s="1316"/>
      <c r="BY56" s="1316"/>
      <c r="BZ56" s="1316"/>
      <c r="CA56" s="1316"/>
      <c r="CB56" s="1316"/>
      <c r="CC56" s="1316"/>
      <c r="CD56" s="1316"/>
      <c r="CE56" s="1316"/>
      <c r="CF56" s="1316"/>
      <c r="CG56" s="1316"/>
      <c r="CH56" s="1316"/>
      <c r="CI56" s="1316"/>
      <c r="CJ56" s="1316"/>
      <c r="CK56" s="1316"/>
      <c r="CL56" s="1316"/>
      <c r="CM56" s="1316"/>
      <c r="CN56" s="1316"/>
      <c r="CO56" s="1316"/>
      <c r="CP56" s="1316"/>
      <c r="CQ56" s="1316"/>
      <c r="CR56" s="1316"/>
      <c r="CS56" s="1316"/>
      <c r="CT56" s="1316"/>
      <c r="CU56" s="1316"/>
      <c r="CV56" s="1316"/>
      <c r="CW56" s="1316"/>
      <c r="CX56" s="1316"/>
      <c r="CY56" s="1316"/>
      <c r="CZ56" s="1316"/>
      <c r="DA56" s="1316"/>
      <c r="DB56" s="1316"/>
      <c r="DC56" s="1316"/>
    </row>
    <row r="57" spans="1:109" s="405" customFormat="1" ht="13.2" x14ac:dyDescent="0.2">
      <c r="B57" s="409"/>
      <c r="G57" s="1326"/>
      <c r="H57" s="1326"/>
      <c r="I57" s="1335"/>
      <c r="J57" s="1335"/>
      <c r="K57" s="1332"/>
      <c r="L57" s="1332"/>
      <c r="M57" s="1332"/>
      <c r="N57" s="1332"/>
      <c r="AM57" s="390"/>
      <c r="AN57" s="1330"/>
      <c r="AO57" s="1330"/>
      <c r="AP57" s="1330"/>
      <c r="AQ57" s="1330"/>
      <c r="AR57" s="1330"/>
      <c r="AS57" s="1330"/>
      <c r="AT57" s="1330"/>
      <c r="AU57" s="1330"/>
      <c r="AV57" s="1330"/>
      <c r="AW57" s="1330"/>
      <c r="AX57" s="1330"/>
      <c r="AY57" s="1330"/>
      <c r="AZ57" s="1330"/>
      <c r="BA57" s="1330"/>
      <c r="BB57" s="1333" t="s">
        <v>591</v>
      </c>
      <c r="BC57" s="1333"/>
      <c r="BD57" s="1333"/>
      <c r="BE57" s="1333"/>
      <c r="BF57" s="1333"/>
      <c r="BG57" s="1333"/>
      <c r="BH57" s="1333"/>
      <c r="BI57" s="1333"/>
      <c r="BJ57" s="1333"/>
      <c r="BK57" s="1333"/>
      <c r="BL57" s="1333"/>
      <c r="BM57" s="1333"/>
      <c r="BN57" s="1333"/>
      <c r="BO57" s="1333"/>
      <c r="BP57" s="1316">
        <v>57.2</v>
      </c>
      <c r="BQ57" s="1316"/>
      <c r="BR57" s="1316"/>
      <c r="BS57" s="1316"/>
      <c r="BT57" s="1316"/>
      <c r="BU57" s="1316"/>
      <c r="BV57" s="1316"/>
      <c r="BW57" s="1316"/>
      <c r="BX57" s="1316">
        <v>58.5</v>
      </c>
      <c r="BY57" s="1316"/>
      <c r="BZ57" s="1316"/>
      <c r="CA57" s="1316"/>
      <c r="CB57" s="1316"/>
      <c r="CC57" s="1316"/>
      <c r="CD57" s="1316"/>
      <c r="CE57" s="1316"/>
      <c r="CF57" s="1316">
        <v>59.8</v>
      </c>
      <c r="CG57" s="1316"/>
      <c r="CH57" s="1316"/>
      <c r="CI57" s="1316"/>
      <c r="CJ57" s="1316"/>
      <c r="CK57" s="1316"/>
      <c r="CL57" s="1316"/>
      <c r="CM57" s="1316"/>
      <c r="CN57" s="1316">
        <v>61.1</v>
      </c>
      <c r="CO57" s="1316"/>
      <c r="CP57" s="1316"/>
      <c r="CQ57" s="1316"/>
      <c r="CR57" s="1316"/>
      <c r="CS57" s="1316"/>
      <c r="CT57" s="1316"/>
      <c r="CU57" s="1316"/>
      <c r="CV57" s="1316">
        <v>61</v>
      </c>
      <c r="CW57" s="1316"/>
      <c r="CX57" s="1316"/>
      <c r="CY57" s="1316"/>
      <c r="CZ57" s="1316"/>
      <c r="DA57" s="1316"/>
      <c r="DB57" s="1316"/>
      <c r="DC57" s="1316"/>
      <c r="DD57" s="410"/>
      <c r="DE57" s="409"/>
    </row>
    <row r="58" spans="1:109" s="405" customFormat="1" ht="13.2" x14ac:dyDescent="0.2">
      <c r="A58" s="390"/>
      <c r="B58" s="409"/>
      <c r="G58" s="1326"/>
      <c r="H58" s="1326"/>
      <c r="I58" s="1335"/>
      <c r="J58" s="1335"/>
      <c r="K58" s="1332"/>
      <c r="L58" s="1332"/>
      <c r="M58" s="1332"/>
      <c r="N58" s="1332"/>
      <c r="AM58" s="390"/>
      <c r="AN58" s="1330"/>
      <c r="AO58" s="1330"/>
      <c r="AP58" s="1330"/>
      <c r="AQ58" s="1330"/>
      <c r="AR58" s="1330"/>
      <c r="AS58" s="1330"/>
      <c r="AT58" s="1330"/>
      <c r="AU58" s="1330"/>
      <c r="AV58" s="1330"/>
      <c r="AW58" s="1330"/>
      <c r="AX58" s="1330"/>
      <c r="AY58" s="1330"/>
      <c r="AZ58" s="1330"/>
      <c r="BA58" s="1330"/>
      <c r="BB58" s="1333"/>
      <c r="BC58" s="1333"/>
      <c r="BD58" s="1333"/>
      <c r="BE58" s="1333"/>
      <c r="BF58" s="1333"/>
      <c r="BG58" s="1333"/>
      <c r="BH58" s="1333"/>
      <c r="BI58" s="1333"/>
      <c r="BJ58" s="1333"/>
      <c r="BK58" s="1333"/>
      <c r="BL58" s="1333"/>
      <c r="BM58" s="1333"/>
      <c r="BN58" s="1333"/>
      <c r="BO58" s="1333"/>
      <c r="BP58" s="1316"/>
      <c r="BQ58" s="1316"/>
      <c r="BR58" s="1316"/>
      <c r="BS58" s="1316"/>
      <c r="BT58" s="1316"/>
      <c r="BU58" s="1316"/>
      <c r="BV58" s="1316"/>
      <c r="BW58" s="1316"/>
      <c r="BX58" s="1316"/>
      <c r="BY58" s="1316"/>
      <c r="BZ58" s="1316"/>
      <c r="CA58" s="1316"/>
      <c r="CB58" s="1316"/>
      <c r="CC58" s="1316"/>
      <c r="CD58" s="1316"/>
      <c r="CE58" s="1316"/>
      <c r="CF58" s="1316"/>
      <c r="CG58" s="1316"/>
      <c r="CH58" s="1316"/>
      <c r="CI58" s="1316"/>
      <c r="CJ58" s="1316"/>
      <c r="CK58" s="1316"/>
      <c r="CL58" s="1316"/>
      <c r="CM58" s="1316"/>
      <c r="CN58" s="1316"/>
      <c r="CO58" s="1316"/>
      <c r="CP58" s="1316"/>
      <c r="CQ58" s="1316"/>
      <c r="CR58" s="1316"/>
      <c r="CS58" s="1316"/>
      <c r="CT58" s="1316"/>
      <c r="CU58" s="1316"/>
      <c r="CV58" s="1316"/>
      <c r="CW58" s="1316"/>
      <c r="CX58" s="1316"/>
      <c r="CY58" s="1316"/>
      <c r="CZ58" s="1316"/>
      <c r="DA58" s="1316"/>
      <c r="DB58" s="1316"/>
      <c r="DC58" s="1316"/>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93</v>
      </c>
    </row>
    <row r="64" spans="1:109" ht="13.2" x14ac:dyDescent="0.2">
      <c r="B64" s="397"/>
      <c r="G64" s="404"/>
      <c r="I64" s="417"/>
      <c r="J64" s="417"/>
      <c r="K64" s="417"/>
      <c r="L64" s="417"/>
      <c r="M64" s="417"/>
      <c r="N64" s="418"/>
      <c r="AM64" s="404"/>
      <c r="AN64" s="404" t="s">
        <v>587</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36" t="s">
        <v>596</v>
      </c>
      <c r="AO65" s="1337"/>
      <c r="AP65" s="1337"/>
      <c r="AQ65" s="1337"/>
      <c r="AR65" s="1337"/>
      <c r="AS65" s="1337"/>
      <c r="AT65" s="1337"/>
      <c r="AU65" s="1337"/>
      <c r="AV65" s="1337"/>
      <c r="AW65" s="1337"/>
      <c r="AX65" s="1337"/>
      <c r="AY65" s="1337"/>
      <c r="AZ65" s="1337"/>
      <c r="BA65" s="1337"/>
      <c r="BB65" s="1337"/>
      <c r="BC65" s="1337"/>
      <c r="BD65" s="1337"/>
      <c r="BE65" s="1337"/>
      <c r="BF65" s="1337"/>
      <c r="BG65" s="1337"/>
      <c r="BH65" s="1337"/>
      <c r="BI65" s="1337"/>
      <c r="BJ65" s="1337"/>
      <c r="BK65" s="1337"/>
      <c r="BL65" s="1337"/>
      <c r="BM65" s="1337"/>
      <c r="BN65" s="1337"/>
      <c r="BO65" s="1337"/>
      <c r="BP65" s="1337"/>
      <c r="BQ65" s="1337"/>
      <c r="BR65" s="1337"/>
      <c r="BS65" s="1337"/>
      <c r="BT65" s="1337"/>
      <c r="BU65" s="1337"/>
      <c r="BV65" s="1337"/>
      <c r="BW65" s="1337"/>
      <c r="BX65" s="1337"/>
      <c r="BY65" s="1337"/>
      <c r="BZ65" s="1337"/>
      <c r="CA65" s="1337"/>
      <c r="CB65" s="1337"/>
      <c r="CC65" s="1337"/>
      <c r="CD65" s="1337"/>
      <c r="CE65" s="1337"/>
      <c r="CF65" s="1337"/>
      <c r="CG65" s="1337"/>
      <c r="CH65" s="1337"/>
      <c r="CI65" s="1337"/>
      <c r="CJ65" s="1337"/>
      <c r="CK65" s="1337"/>
      <c r="CL65" s="1337"/>
      <c r="CM65" s="1337"/>
      <c r="CN65" s="1337"/>
      <c r="CO65" s="1337"/>
      <c r="CP65" s="1337"/>
      <c r="CQ65" s="1337"/>
      <c r="CR65" s="1337"/>
      <c r="CS65" s="1337"/>
      <c r="CT65" s="1337"/>
      <c r="CU65" s="1337"/>
      <c r="CV65" s="1337"/>
      <c r="CW65" s="1337"/>
      <c r="CX65" s="1337"/>
      <c r="CY65" s="1337"/>
      <c r="CZ65" s="1337"/>
      <c r="DA65" s="1337"/>
      <c r="DB65" s="1337"/>
      <c r="DC65" s="1338"/>
    </row>
    <row r="66" spans="2:107" ht="13.2" x14ac:dyDescent="0.2">
      <c r="B66" s="397"/>
      <c r="AN66" s="1339"/>
      <c r="AO66" s="1340"/>
      <c r="AP66" s="1340"/>
      <c r="AQ66" s="1340"/>
      <c r="AR66" s="1340"/>
      <c r="AS66" s="1340"/>
      <c r="AT66" s="1340"/>
      <c r="AU66" s="1340"/>
      <c r="AV66" s="1340"/>
      <c r="AW66" s="1340"/>
      <c r="AX66" s="1340"/>
      <c r="AY66" s="1340"/>
      <c r="AZ66" s="1340"/>
      <c r="BA66" s="1340"/>
      <c r="BB66" s="1340"/>
      <c r="BC66" s="1340"/>
      <c r="BD66" s="1340"/>
      <c r="BE66" s="1340"/>
      <c r="BF66" s="1340"/>
      <c r="BG66" s="1340"/>
      <c r="BH66" s="1340"/>
      <c r="BI66" s="1340"/>
      <c r="BJ66" s="1340"/>
      <c r="BK66" s="1340"/>
      <c r="BL66" s="1340"/>
      <c r="BM66" s="1340"/>
      <c r="BN66" s="1340"/>
      <c r="BO66" s="1340"/>
      <c r="BP66" s="1340"/>
      <c r="BQ66" s="1340"/>
      <c r="BR66" s="1340"/>
      <c r="BS66" s="1340"/>
      <c r="BT66" s="1340"/>
      <c r="BU66" s="1340"/>
      <c r="BV66" s="1340"/>
      <c r="BW66" s="1340"/>
      <c r="BX66" s="1340"/>
      <c r="BY66" s="1340"/>
      <c r="BZ66" s="1340"/>
      <c r="CA66" s="1340"/>
      <c r="CB66" s="1340"/>
      <c r="CC66" s="1340"/>
      <c r="CD66" s="1340"/>
      <c r="CE66" s="1340"/>
      <c r="CF66" s="1340"/>
      <c r="CG66" s="1340"/>
      <c r="CH66" s="1340"/>
      <c r="CI66" s="1340"/>
      <c r="CJ66" s="1340"/>
      <c r="CK66" s="1340"/>
      <c r="CL66" s="1340"/>
      <c r="CM66" s="1340"/>
      <c r="CN66" s="1340"/>
      <c r="CO66" s="1340"/>
      <c r="CP66" s="1340"/>
      <c r="CQ66" s="1340"/>
      <c r="CR66" s="1340"/>
      <c r="CS66" s="1340"/>
      <c r="CT66" s="1340"/>
      <c r="CU66" s="1340"/>
      <c r="CV66" s="1340"/>
      <c r="CW66" s="1340"/>
      <c r="CX66" s="1340"/>
      <c r="CY66" s="1340"/>
      <c r="CZ66" s="1340"/>
      <c r="DA66" s="1340"/>
      <c r="DB66" s="1340"/>
      <c r="DC66" s="1341"/>
    </row>
    <row r="67" spans="2:107" ht="13.2" x14ac:dyDescent="0.2">
      <c r="B67" s="397"/>
      <c r="AN67" s="1339"/>
      <c r="AO67" s="1340"/>
      <c r="AP67" s="1340"/>
      <c r="AQ67" s="1340"/>
      <c r="AR67" s="1340"/>
      <c r="AS67" s="1340"/>
      <c r="AT67" s="1340"/>
      <c r="AU67" s="1340"/>
      <c r="AV67" s="1340"/>
      <c r="AW67" s="1340"/>
      <c r="AX67" s="1340"/>
      <c r="AY67" s="1340"/>
      <c r="AZ67" s="1340"/>
      <c r="BA67" s="1340"/>
      <c r="BB67" s="1340"/>
      <c r="BC67" s="1340"/>
      <c r="BD67" s="1340"/>
      <c r="BE67" s="1340"/>
      <c r="BF67" s="1340"/>
      <c r="BG67" s="1340"/>
      <c r="BH67" s="1340"/>
      <c r="BI67" s="1340"/>
      <c r="BJ67" s="1340"/>
      <c r="BK67" s="1340"/>
      <c r="BL67" s="1340"/>
      <c r="BM67" s="1340"/>
      <c r="BN67" s="1340"/>
      <c r="BO67" s="1340"/>
      <c r="BP67" s="1340"/>
      <c r="BQ67" s="1340"/>
      <c r="BR67" s="1340"/>
      <c r="BS67" s="1340"/>
      <c r="BT67" s="1340"/>
      <c r="BU67" s="1340"/>
      <c r="BV67" s="1340"/>
      <c r="BW67" s="1340"/>
      <c r="BX67" s="1340"/>
      <c r="BY67" s="1340"/>
      <c r="BZ67" s="1340"/>
      <c r="CA67" s="1340"/>
      <c r="CB67" s="1340"/>
      <c r="CC67" s="1340"/>
      <c r="CD67" s="1340"/>
      <c r="CE67" s="1340"/>
      <c r="CF67" s="1340"/>
      <c r="CG67" s="1340"/>
      <c r="CH67" s="1340"/>
      <c r="CI67" s="1340"/>
      <c r="CJ67" s="1340"/>
      <c r="CK67" s="1340"/>
      <c r="CL67" s="1340"/>
      <c r="CM67" s="1340"/>
      <c r="CN67" s="1340"/>
      <c r="CO67" s="1340"/>
      <c r="CP67" s="1340"/>
      <c r="CQ67" s="1340"/>
      <c r="CR67" s="1340"/>
      <c r="CS67" s="1340"/>
      <c r="CT67" s="1340"/>
      <c r="CU67" s="1340"/>
      <c r="CV67" s="1340"/>
      <c r="CW67" s="1340"/>
      <c r="CX67" s="1340"/>
      <c r="CY67" s="1340"/>
      <c r="CZ67" s="1340"/>
      <c r="DA67" s="1340"/>
      <c r="DB67" s="1340"/>
      <c r="DC67" s="1341"/>
    </row>
    <row r="68" spans="2:107" ht="13.2" x14ac:dyDescent="0.2">
      <c r="B68" s="397"/>
      <c r="AN68" s="1339"/>
      <c r="AO68" s="1340"/>
      <c r="AP68" s="1340"/>
      <c r="AQ68" s="1340"/>
      <c r="AR68" s="1340"/>
      <c r="AS68" s="1340"/>
      <c r="AT68" s="1340"/>
      <c r="AU68" s="1340"/>
      <c r="AV68" s="1340"/>
      <c r="AW68" s="1340"/>
      <c r="AX68" s="1340"/>
      <c r="AY68" s="1340"/>
      <c r="AZ68" s="1340"/>
      <c r="BA68" s="1340"/>
      <c r="BB68" s="1340"/>
      <c r="BC68" s="1340"/>
      <c r="BD68" s="1340"/>
      <c r="BE68" s="1340"/>
      <c r="BF68" s="1340"/>
      <c r="BG68" s="1340"/>
      <c r="BH68" s="1340"/>
      <c r="BI68" s="1340"/>
      <c r="BJ68" s="1340"/>
      <c r="BK68" s="1340"/>
      <c r="BL68" s="1340"/>
      <c r="BM68" s="1340"/>
      <c r="BN68" s="1340"/>
      <c r="BO68" s="1340"/>
      <c r="BP68" s="1340"/>
      <c r="BQ68" s="1340"/>
      <c r="BR68" s="1340"/>
      <c r="BS68" s="1340"/>
      <c r="BT68" s="1340"/>
      <c r="BU68" s="1340"/>
      <c r="BV68" s="1340"/>
      <c r="BW68" s="1340"/>
      <c r="BX68" s="1340"/>
      <c r="BY68" s="1340"/>
      <c r="BZ68" s="1340"/>
      <c r="CA68" s="1340"/>
      <c r="CB68" s="1340"/>
      <c r="CC68" s="1340"/>
      <c r="CD68" s="1340"/>
      <c r="CE68" s="1340"/>
      <c r="CF68" s="1340"/>
      <c r="CG68" s="1340"/>
      <c r="CH68" s="1340"/>
      <c r="CI68" s="1340"/>
      <c r="CJ68" s="1340"/>
      <c r="CK68" s="1340"/>
      <c r="CL68" s="1340"/>
      <c r="CM68" s="1340"/>
      <c r="CN68" s="1340"/>
      <c r="CO68" s="1340"/>
      <c r="CP68" s="1340"/>
      <c r="CQ68" s="1340"/>
      <c r="CR68" s="1340"/>
      <c r="CS68" s="1340"/>
      <c r="CT68" s="1340"/>
      <c r="CU68" s="1340"/>
      <c r="CV68" s="1340"/>
      <c r="CW68" s="1340"/>
      <c r="CX68" s="1340"/>
      <c r="CY68" s="1340"/>
      <c r="CZ68" s="1340"/>
      <c r="DA68" s="1340"/>
      <c r="DB68" s="1340"/>
      <c r="DC68" s="1341"/>
    </row>
    <row r="69" spans="2:107" ht="13.2" x14ac:dyDescent="0.2">
      <c r="B69" s="397"/>
      <c r="AN69" s="1342"/>
      <c r="AO69" s="1343"/>
      <c r="AP69" s="1343"/>
      <c r="AQ69" s="1343"/>
      <c r="AR69" s="1343"/>
      <c r="AS69" s="1343"/>
      <c r="AT69" s="1343"/>
      <c r="AU69" s="1343"/>
      <c r="AV69" s="1343"/>
      <c r="AW69" s="1343"/>
      <c r="AX69" s="1343"/>
      <c r="AY69" s="1343"/>
      <c r="AZ69" s="1343"/>
      <c r="BA69" s="1343"/>
      <c r="BB69" s="1343"/>
      <c r="BC69" s="1343"/>
      <c r="BD69" s="1343"/>
      <c r="BE69" s="1343"/>
      <c r="BF69" s="1343"/>
      <c r="BG69" s="1343"/>
      <c r="BH69" s="1343"/>
      <c r="BI69" s="1343"/>
      <c r="BJ69" s="1343"/>
      <c r="BK69" s="1343"/>
      <c r="BL69" s="1343"/>
      <c r="BM69" s="1343"/>
      <c r="BN69" s="1343"/>
      <c r="BO69" s="1343"/>
      <c r="BP69" s="1343"/>
      <c r="BQ69" s="1343"/>
      <c r="BR69" s="1343"/>
      <c r="BS69" s="1343"/>
      <c r="BT69" s="1343"/>
      <c r="BU69" s="1343"/>
      <c r="BV69" s="1343"/>
      <c r="BW69" s="1343"/>
      <c r="BX69" s="1343"/>
      <c r="BY69" s="1343"/>
      <c r="BZ69" s="1343"/>
      <c r="CA69" s="1343"/>
      <c r="CB69" s="1343"/>
      <c r="CC69" s="1343"/>
      <c r="CD69" s="1343"/>
      <c r="CE69" s="1343"/>
      <c r="CF69" s="1343"/>
      <c r="CG69" s="1343"/>
      <c r="CH69" s="1343"/>
      <c r="CI69" s="1343"/>
      <c r="CJ69" s="1343"/>
      <c r="CK69" s="1343"/>
      <c r="CL69" s="1343"/>
      <c r="CM69" s="1343"/>
      <c r="CN69" s="1343"/>
      <c r="CO69" s="1343"/>
      <c r="CP69" s="1343"/>
      <c r="CQ69" s="1343"/>
      <c r="CR69" s="1343"/>
      <c r="CS69" s="1343"/>
      <c r="CT69" s="1343"/>
      <c r="CU69" s="1343"/>
      <c r="CV69" s="1343"/>
      <c r="CW69" s="1343"/>
      <c r="CX69" s="1343"/>
      <c r="CY69" s="1343"/>
      <c r="CZ69" s="1343"/>
      <c r="DA69" s="1343"/>
      <c r="DB69" s="1343"/>
      <c r="DC69" s="1344"/>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88</v>
      </c>
    </row>
    <row r="72" spans="2:107" ht="13.2" x14ac:dyDescent="0.2">
      <c r="B72" s="397"/>
      <c r="G72" s="1326"/>
      <c r="H72" s="1326"/>
      <c r="I72" s="1326"/>
      <c r="J72" s="1326"/>
      <c r="K72" s="407"/>
      <c r="L72" s="407"/>
      <c r="M72" s="408"/>
      <c r="N72" s="408"/>
      <c r="AN72" s="1327"/>
      <c r="AO72" s="1328"/>
      <c r="AP72" s="1328"/>
      <c r="AQ72" s="1328"/>
      <c r="AR72" s="1328"/>
      <c r="AS72" s="1328"/>
      <c r="AT72" s="1328"/>
      <c r="AU72" s="1328"/>
      <c r="AV72" s="1328"/>
      <c r="AW72" s="1328"/>
      <c r="AX72" s="1328"/>
      <c r="AY72" s="1328"/>
      <c r="AZ72" s="1328"/>
      <c r="BA72" s="1328"/>
      <c r="BB72" s="1328"/>
      <c r="BC72" s="1328"/>
      <c r="BD72" s="1328"/>
      <c r="BE72" s="1328"/>
      <c r="BF72" s="1328"/>
      <c r="BG72" s="1328"/>
      <c r="BH72" s="1328"/>
      <c r="BI72" s="1328"/>
      <c r="BJ72" s="1328"/>
      <c r="BK72" s="1328"/>
      <c r="BL72" s="1328"/>
      <c r="BM72" s="1328"/>
      <c r="BN72" s="1328"/>
      <c r="BO72" s="1329"/>
      <c r="BP72" s="1330" t="s">
        <v>550</v>
      </c>
      <c r="BQ72" s="1330"/>
      <c r="BR72" s="1330"/>
      <c r="BS72" s="1330"/>
      <c r="BT72" s="1330"/>
      <c r="BU72" s="1330"/>
      <c r="BV72" s="1330"/>
      <c r="BW72" s="1330"/>
      <c r="BX72" s="1330" t="s">
        <v>551</v>
      </c>
      <c r="BY72" s="1330"/>
      <c r="BZ72" s="1330"/>
      <c r="CA72" s="1330"/>
      <c r="CB72" s="1330"/>
      <c r="CC72" s="1330"/>
      <c r="CD72" s="1330"/>
      <c r="CE72" s="1330"/>
      <c r="CF72" s="1330" t="s">
        <v>552</v>
      </c>
      <c r="CG72" s="1330"/>
      <c r="CH72" s="1330"/>
      <c r="CI72" s="1330"/>
      <c r="CJ72" s="1330"/>
      <c r="CK72" s="1330"/>
      <c r="CL72" s="1330"/>
      <c r="CM72" s="1330"/>
      <c r="CN72" s="1330" t="s">
        <v>553</v>
      </c>
      <c r="CO72" s="1330"/>
      <c r="CP72" s="1330"/>
      <c r="CQ72" s="1330"/>
      <c r="CR72" s="1330"/>
      <c r="CS72" s="1330"/>
      <c r="CT72" s="1330"/>
      <c r="CU72" s="1330"/>
      <c r="CV72" s="1330" t="s">
        <v>554</v>
      </c>
      <c r="CW72" s="1330"/>
      <c r="CX72" s="1330"/>
      <c r="CY72" s="1330"/>
      <c r="CZ72" s="1330"/>
      <c r="DA72" s="1330"/>
      <c r="DB72" s="1330"/>
      <c r="DC72" s="1330"/>
    </row>
    <row r="73" spans="2:107" ht="13.2" x14ac:dyDescent="0.2">
      <c r="B73" s="397"/>
      <c r="G73" s="1331"/>
      <c r="H73" s="1331"/>
      <c r="I73" s="1331"/>
      <c r="J73" s="1331"/>
      <c r="K73" s="1345"/>
      <c r="L73" s="1345"/>
      <c r="M73" s="1345"/>
      <c r="N73" s="1345"/>
      <c r="AM73" s="406"/>
      <c r="AN73" s="1333" t="s">
        <v>589</v>
      </c>
      <c r="AO73" s="1333"/>
      <c r="AP73" s="1333"/>
      <c r="AQ73" s="1333"/>
      <c r="AR73" s="1333"/>
      <c r="AS73" s="1333"/>
      <c r="AT73" s="1333"/>
      <c r="AU73" s="1333"/>
      <c r="AV73" s="1333"/>
      <c r="AW73" s="1333"/>
      <c r="AX73" s="1333"/>
      <c r="AY73" s="1333"/>
      <c r="AZ73" s="1333"/>
      <c r="BA73" s="1333"/>
      <c r="BB73" s="1333" t="s">
        <v>590</v>
      </c>
      <c r="BC73" s="1333"/>
      <c r="BD73" s="1333"/>
      <c r="BE73" s="1333"/>
      <c r="BF73" s="1333"/>
      <c r="BG73" s="1333"/>
      <c r="BH73" s="1333"/>
      <c r="BI73" s="1333"/>
      <c r="BJ73" s="1333"/>
      <c r="BK73" s="1333"/>
      <c r="BL73" s="1333"/>
      <c r="BM73" s="1333"/>
      <c r="BN73" s="1333"/>
      <c r="BO73" s="1333"/>
      <c r="BP73" s="1316">
        <v>46</v>
      </c>
      <c r="BQ73" s="1316"/>
      <c r="BR73" s="1316"/>
      <c r="BS73" s="1316"/>
      <c r="BT73" s="1316"/>
      <c r="BU73" s="1316"/>
      <c r="BV73" s="1316"/>
      <c r="BW73" s="1316"/>
      <c r="BX73" s="1316">
        <v>52.9</v>
      </c>
      <c r="BY73" s="1316"/>
      <c r="BZ73" s="1316"/>
      <c r="CA73" s="1316"/>
      <c r="CB73" s="1316"/>
      <c r="CC73" s="1316"/>
      <c r="CD73" s="1316"/>
      <c r="CE73" s="1316"/>
      <c r="CF73" s="1316">
        <v>55.4</v>
      </c>
      <c r="CG73" s="1316"/>
      <c r="CH73" s="1316"/>
      <c r="CI73" s="1316"/>
      <c r="CJ73" s="1316"/>
      <c r="CK73" s="1316"/>
      <c r="CL73" s="1316"/>
      <c r="CM73" s="1316"/>
      <c r="CN73" s="1316">
        <v>48.8</v>
      </c>
      <c r="CO73" s="1316"/>
      <c r="CP73" s="1316"/>
      <c r="CQ73" s="1316"/>
      <c r="CR73" s="1316"/>
      <c r="CS73" s="1316"/>
      <c r="CT73" s="1316"/>
      <c r="CU73" s="1316"/>
      <c r="CV73" s="1316">
        <v>28.9</v>
      </c>
      <c r="CW73" s="1316"/>
      <c r="CX73" s="1316"/>
      <c r="CY73" s="1316"/>
      <c r="CZ73" s="1316"/>
      <c r="DA73" s="1316"/>
      <c r="DB73" s="1316"/>
      <c r="DC73" s="1316"/>
    </row>
    <row r="74" spans="2:107" ht="13.2" x14ac:dyDescent="0.2">
      <c r="B74" s="397"/>
      <c r="G74" s="1331"/>
      <c r="H74" s="1331"/>
      <c r="I74" s="1331"/>
      <c r="J74" s="1331"/>
      <c r="K74" s="1345"/>
      <c r="L74" s="1345"/>
      <c r="M74" s="1345"/>
      <c r="N74" s="1345"/>
      <c r="AM74" s="406"/>
      <c r="AN74" s="1333"/>
      <c r="AO74" s="1333"/>
      <c r="AP74" s="1333"/>
      <c r="AQ74" s="1333"/>
      <c r="AR74" s="1333"/>
      <c r="AS74" s="1333"/>
      <c r="AT74" s="1333"/>
      <c r="AU74" s="1333"/>
      <c r="AV74" s="1333"/>
      <c r="AW74" s="1333"/>
      <c r="AX74" s="1333"/>
      <c r="AY74" s="1333"/>
      <c r="AZ74" s="1333"/>
      <c r="BA74" s="1333"/>
      <c r="BB74" s="1333"/>
      <c r="BC74" s="1333"/>
      <c r="BD74" s="1333"/>
      <c r="BE74" s="1333"/>
      <c r="BF74" s="1333"/>
      <c r="BG74" s="1333"/>
      <c r="BH74" s="1333"/>
      <c r="BI74" s="1333"/>
      <c r="BJ74" s="1333"/>
      <c r="BK74" s="1333"/>
      <c r="BL74" s="1333"/>
      <c r="BM74" s="1333"/>
      <c r="BN74" s="1333"/>
      <c r="BO74" s="1333"/>
      <c r="BP74" s="1316"/>
      <c r="BQ74" s="1316"/>
      <c r="BR74" s="1316"/>
      <c r="BS74" s="1316"/>
      <c r="BT74" s="1316"/>
      <c r="BU74" s="1316"/>
      <c r="BV74" s="1316"/>
      <c r="BW74" s="1316"/>
      <c r="BX74" s="1316"/>
      <c r="BY74" s="1316"/>
      <c r="BZ74" s="1316"/>
      <c r="CA74" s="1316"/>
      <c r="CB74" s="1316"/>
      <c r="CC74" s="1316"/>
      <c r="CD74" s="1316"/>
      <c r="CE74" s="1316"/>
      <c r="CF74" s="1316"/>
      <c r="CG74" s="1316"/>
      <c r="CH74" s="1316"/>
      <c r="CI74" s="1316"/>
      <c r="CJ74" s="1316"/>
      <c r="CK74" s="1316"/>
      <c r="CL74" s="1316"/>
      <c r="CM74" s="1316"/>
      <c r="CN74" s="1316"/>
      <c r="CO74" s="1316"/>
      <c r="CP74" s="1316"/>
      <c r="CQ74" s="1316"/>
      <c r="CR74" s="1316"/>
      <c r="CS74" s="1316"/>
      <c r="CT74" s="1316"/>
      <c r="CU74" s="1316"/>
      <c r="CV74" s="1316"/>
      <c r="CW74" s="1316"/>
      <c r="CX74" s="1316"/>
      <c r="CY74" s="1316"/>
      <c r="CZ74" s="1316"/>
      <c r="DA74" s="1316"/>
      <c r="DB74" s="1316"/>
      <c r="DC74" s="1316"/>
    </row>
    <row r="75" spans="2:107" ht="13.2" x14ac:dyDescent="0.2">
      <c r="B75" s="397"/>
      <c r="G75" s="1331"/>
      <c r="H75" s="1331"/>
      <c r="I75" s="1326"/>
      <c r="J75" s="1326"/>
      <c r="K75" s="1332"/>
      <c r="L75" s="1332"/>
      <c r="M75" s="1332"/>
      <c r="N75" s="1332"/>
      <c r="AM75" s="406"/>
      <c r="AN75" s="1333"/>
      <c r="AO75" s="1333"/>
      <c r="AP75" s="1333"/>
      <c r="AQ75" s="1333"/>
      <c r="AR75" s="1333"/>
      <c r="AS75" s="1333"/>
      <c r="AT75" s="1333"/>
      <c r="AU75" s="1333"/>
      <c r="AV75" s="1333"/>
      <c r="AW75" s="1333"/>
      <c r="AX75" s="1333"/>
      <c r="AY75" s="1333"/>
      <c r="AZ75" s="1333"/>
      <c r="BA75" s="1333"/>
      <c r="BB75" s="1333" t="s">
        <v>594</v>
      </c>
      <c r="BC75" s="1333"/>
      <c r="BD75" s="1333"/>
      <c r="BE75" s="1333"/>
      <c r="BF75" s="1333"/>
      <c r="BG75" s="1333"/>
      <c r="BH75" s="1333"/>
      <c r="BI75" s="1333"/>
      <c r="BJ75" s="1333"/>
      <c r="BK75" s="1333"/>
      <c r="BL75" s="1333"/>
      <c r="BM75" s="1333"/>
      <c r="BN75" s="1333"/>
      <c r="BO75" s="1333"/>
      <c r="BP75" s="1316">
        <v>7.2</v>
      </c>
      <c r="BQ75" s="1316"/>
      <c r="BR75" s="1316"/>
      <c r="BS75" s="1316"/>
      <c r="BT75" s="1316"/>
      <c r="BU75" s="1316"/>
      <c r="BV75" s="1316"/>
      <c r="BW75" s="1316"/>
      <c r="BX75" s="1316">
        <v>8</v>
      </c>
      <c r="BY75" s="1316"/>
      <c r="BZ75" s="1316"/>
      <c r="CA75" s="1316"/>
      <c r="CB75" s="1316"/>
      <c r="CC75" s="1316"/>
      <c r="CD75" s="1316"/>
      <c r="CE75" s="1316"/>
      <c r="CF75" s="1316">
        <v>7.9</v>
      </c>
      <c r="CG75" s="1316"/>
      <c r="CH75" s="1316"/>
      <c r="CI75" s="1316"/>
      <c r="CJ75" s="1316"/>
      <c r="CK75" s="1316"/>
      <c r="CL75" s="1316"/>
      <c r="CM75" s="1316"/>
      <c r="CN75" s="1316">
        <v>7.5</v>
      </c>
      <c r="CO75" s="1316"/>
      <c r="CP75" s="1316"/>
      <c r="CQ75" s="1316"/>
      <c r="CR75" s="1316"/>
      <c r="CS75" s="1316"/>
      <c r="CT75" s="1316"/>
      <c r="CU75" s="1316"/>
      <c r="CV75" s="1316">
        <v>5.7</v>
      </c>
      <c r="CW75" s="1316"/>
      <c r="CX75" s="1316"/>
      <c r="CY75" s="1316"/>
      <c r="CZ75" s="1316"/>
      <c r="DA75" s="1316"/>
      <c r="DB75" s="1316"/>
      <c r="DC75" s="1316"/>
    </row>
    <row r="76" spans="2:107" ht="13.2" x14ac:dyDescent="0.2">
      <c r="B76" s="397"/>
      <c r="G76" s="1331"/>
      <c r="H76" s="1331"/>
      <c r="I76" s="1326"/>
      <c r="J76" s="1326"/>
      <c r="K76" s="1332"/>
      <c r="L76" s="1332"/>
      <c r="M76" s="1332"/>
      <c r="N76" s="1332"/>
      <c r="AM76" s="406"/>
      <c r="AN76" s="1333"/>
      <c r="AO76" s="1333"/>
      <c r="AP76" s="1333"/>
      <c r="AQ76" s="1333"/>
      <c r="AR76" s="1333"/>
      <c r="AS76" s="1333"/>
      <c r="AT76" s="1333"/>
      <c r="AU76" s="1333"/>
      <c r="AV76" s="1333"/>
      <c r="AW76" s="1333"/>
      <c r="AX76" s="1333"/>
      <c r="AY76" s="1333"/>
      <c r="AZ76" s="1333"/>
      <c r="BA76" s="1333"/>
      <c r="BB76" s="1333"/>
      <c r="BC76" s="1333"/>
      <c r="BD76" s="1333"/>
      <c r="BE76" s="1333"/>
      <c r="BF76" s="1333"/>
      <c r="BG76" s="1333"/>
      <c r="BH76" s="1333"/>
      <c r="BI76" s="1333"/>
      <c r="BJ76" s="1333"/>
      <c r="BK76" s="1333"/>
      <c r="BL76" s="1333"/>
      <c r="BM76" s="1333"/>
      <c r="BN76" s="1333"/>
      <c r="BO76" s="1333"/>
      <c r="BP76" s="1316"/>
      <c r="BQ76" s="1316"/>
      <c r="BR76" s="1316"/>
      <c r="BS76" s="1316"/>
      <c r="BT76" s="1316"/>
      <c r="BU76" s="1316"/>
      <c r="BV76" s="1316"/>
      <c r="BW76" s="1316"/>
      <c r="BX76" s="1316"/>
      <c r="BY76" s="1316"/>
      <c r="BZ76" s="1316"/>
      <c r="CA76" s="1316"/>
      <c r="CB76" s="1316"/>
      <c r="CC76" s="1316"/>
      <c r="CD76" s="1316"/>
      <c r="CE76" s="1316"/>
      <c r="CF76" s="1316"/>
      <c r="CG76" s="1316"/>
      <c r="CH76" s="1316"/>
      <c r="CI76" s="1316"/>
      <c r="CJ76" s="1316"/>
      <c r="CK76" s="1316"/>
      <c r="CL76" s="1316"/>
      <c r="CM76" s="1316"/>
      <c r="CN76" s="1316"/>
      <c r="CO76" s="1316"/>
      <c r="CP76" s="1316"/>
      <c r="CQ76" s="1316"/>
      <c r="CR76" s="1316"/>
      <c r="CS76" s="1316"/>
      <c r="CT76" s="1316"/>
      <c r="CU76" s="1316"/>
      <c r="CV76" s="1316"/>
      <c r="CW76" s="1316"/>
      <c r="CX76" s="1316"/>
      <c r="CY76" s="1316"/>
      <c r="CZ76" s="1316"/>
      <c r="DA76" s="1316"/>
      <c r="DB76" s="1316"/>
      <c r="DC76" s="1316"/>
    </row>
    <row r="77" spans="2:107" ht="13.2" x14ac:dyDescent="0.2">
      <c r="B77" s="397"/>
      <c r="G77" s="1326"/>
      <c r="H77" s="1326"/>
      <c r="I77" s="1326"/>
      <c r="J77" s="1326"/>
      <c r="K77" s="1345"/>
      <c r="L77" s="1345"/>
      <c r="M77" s="1345"/>
      <c r="N77" s="1345"/>
      <c r="AN77" s="1330" t="s">
        <v>592</v>
      </c>
      <c r="AO77" s="1330"/>
      <c r="AP77" s="1330"/>
      <c r="AQ77" s="1330"/>
      <c r="AR77" s="1330"/>
      <c r="AS77" s="1330"/>
      <c r="AT77" s="1330"/>
      <c r="AU77" s="1330"/>
      <c r="AV77" s="1330"/>
      <c r="AW77" s="1330"/>
      <c r="AX77" s="1330"/>
      <c r="AY77" s="1330"/>
      <c r="AZ77" s="1330"/>
      <c r="BA77" s="1330"/>
      <c r="BB77" s="1333" t="s">
        <v>590</v>
      </c>
      <c r="BC77" s="1333"/>
      <c r="BD77" s="1333"/>
      <c r="BE77" s="1333"/>
      <c r="BF77" s="1333"/>
      <c r="BG77" s="1333"/>
      <c r="BH77" s="1333"/>
      <c r="BI77" s="1333"/>
      <c r="BJ77" s="1333"/>
      <c r="BK77" s="1333"/>
      <c r="BL77" s="1333"/>
      <c r="BM77" s="1333"/>
      <c r="BN77" s="1333"/>
      <c r="BO77" s="1333"/>
      <c r="BP77" s="1316">
        <v>33.1</v>
      </c>
      <c r="BQ77" s="1316"/>
      <c r="BR77" s="1316"/>
      <c r="BS77" s="1316"/>
      <c r="BT77" s="1316"/>
      <c r="BU77" s="1316"/>
      <c r="BV77" s="1316"/>
      <c r="BW77" s="1316"/>
      <c r="BX77" s="1316">
        <v>31.3</v>
      </c>
      <c r="BY77" s="1316"/>
      <c r="BZ77" s="1316"/>
      <c r="CA77" s="1316"/>
      <c r="CB77" s="1316"/>
      <c r="CC77" s="1316"/>
      <c r="CD77" s="1316"/>
      <c r="CE77" s="1316"/>
      <c r="CF77" s="1316">
        <v>25.3</v>
      </c>
      <c r="CG77" s="1316"/>
      <c r="CH77" s="1316"/>
      <c r="CI77" s="1316"/>
      <c r="CJ77" s="1316"/>
      <c r="CK77" s="1316"/>
      <c r="CL77" s="1316"/>
      <c r="CM77" s="1316"/>
      <c r="CN77" s="1316">
        <v>25.5</v>
      </c>
      <c r="CO77" s="1316"/>
      <c r="CP77" s="1316"/>
      <c r="CQ77" s="1316"/>
      <c r="CR77" s="1316"/>
      <c r="CS77" s="1316"/>
      <c r="CT77" s="1316"/>
      <c r="CU77" s="1316"/>
      <c r="CV77" s="1316">
        <v>25.1</v>
      </c>
      <c r="CW77" s="1316"/>
      <c r="CX77" s="1316"/>
      <c r="CY77" s="1316"/>
      <c r="CZ77" s="1316"/>
      <c r="DA77" s="1316"/>
      <c r="DB77" s="1316"/>
      <c r="DC77" s="1316"/>
    </row>
    <row r="78" spans="2:107" ht="13.2" x14ac:dyDescent="0.2">
      <c r="B78" s="397"/>
      <c r="G78" s="1326"/>
      <c r="H78" s="1326"/>
      <c r="I78" s="1326"/>
      <c r="J78" s="1326"/>
      <c r="K78" s="1345"/>
      <c r="L78" s="1345"/>
      <c r="M78" s="1345"/>
      <c r="N78" s="1345"/>
      <c r="AN78" s="1330"/>
      <c r="AO78" s="1330"/>
      <c r="AP78" s="1330"/>
      <c r="AQ78" s="1330"/>
      <c r="AR78" s="1330"/>
      <c r="AS78" s="1330"/>
      <c r="AT78" s="1330"/>
      <c r="AU78" s="1330"/>
      <c r="AV78" s="1330"/>
      <c r="AW78" s="1330"/>
      <c r="AX78" s="1330"/>
      <c r="AY78" s="1330"/>
      <c r="AZ78" s="1330"/>
      <c r="BA78" s="1330"/>
      <c r="BB78" s="1333"/>
      <c r="BC78" s="1333"/>
      <c r="BD78" s="1333"/>
      <c r="BE78" s="1333"/>
      <c r="BF78" s="1333"/>
      <c r="BG78" s="1333"/>
      <c r="BH78" s="1333"/>
      <c r="BI78" s="1333"/>
      <c r="BJ78" s="1333"/>
      <c r="BK78" s="1333"/>
      <c r="BL78" s="1333"/>
      <c r="BM78" s="1333"/>
      <c r="BN78" s="1333"/>
      <c r="BO78" s="1333"/>
      <c r="BP78" s="1316"/>
      <c r="BQ78" s="1316"/>
      <c r="BR78" s="1316"/>
      <c r="BS78" s="1316"/>
      <c r="BT78" s="1316"/>
      <c r="BU78" s="1316"/>
      <c r="BV78" s="1316"/>
      <c r="BW78" s="1316"/>
      <c r="BX78" s="1316"/>
      <c r="BY78" s="1316"/>
      <c r="BZ78" s="1316"/>
      <c r="CA78" s="1316"/>
      <c r="CB78" s="1316"/>
      <c r="CC78" s="1316"/>
      <c r="CD78" s="1316"/>
      <c r="CE78" s="1316"/>
      <c r="CF78" s="1316"/>
      <c r="CG78" s="1316"/>
      <c r="CH78" s="1316"/>
      <c r="CI78" s="1316"/>
      <c r="CJ78" s="1316"/>
      <c r="CK78" s="1316"/>
      <c r="CL78" s="1316"/>
      <c r="CM78" s="1316"/>
      <c r="CN78" s="1316"/>
      <c r="CO78" s="1316"/>
      <c r="CP78" s="1316"/>
      <c r="CQ78" s="1316"/>
      <c r="CR78" s="1316"/>
      <c r="CS78" s="1316"/>
      <c r="CT78" s="1316"/>
      <c r="CU78" s="1316"/>
      <c r="CV78" s="1316"/>
      <c r="CW78" s="1316"/>
      <c r="CX78" s="1316"/>
      <c r="CY78" s="1316"/>
      <c r="CZ78" s="1316"/>
      <c r="DA78" s="1316"/>
      <c r="DB78" s="1316"/>
      <c r="DC78" s="1316"/>
    </row>
    <row r="79" spans="2:107" ht="13.2" x14ac:dyDescent="0.2">
      <c r="B79" s="397"/>
      <c r="G79" s="1326"/>
      <c r="H79" s="1326"/>
      <c r="I79" s="1335"/>
      <c r="J79" s="1335"/>
      <c r="K79" s="1346"/>
      <c r="L79" s="1346"/>
      <c r="M79" s="1346"/>
      <c r="N79" s="1346"/>
      <c r="AN79" s="1330"/>
      <c r="AO79" s="1330"/>
      <c r="AP79" s="1330"/>
      <c r="AQ79" s="1330"/>
      <c r="AR79" s="1330"/>
      <c r="AS79" s="1330"/>
      <c r="AT79" s="1330"/>
      <c r="AU79" s="1330"/>
      <c r="AV79" s="1330"/>
      <c r="AW79" s="1330"/>
      <c r="AX79" s="1330"/>
      <c r="AY79" s="1330"/>
      <c r="AZ79" s="1330"/>
      <c r="BA79" s="1330"/>
      <c r="BB79" s="1333" t="s">
        <v>594</v>
      </c>
      <c r="BC79" s="1333"/>
      <c r="BD79" s="1333"/>
      <c r="BE79" s="1333"/>
      <c r="BF79" s="1333"/>
      <c r="BG79" s="1333"/>
      <c r="BH79" s="1333"/>
      <c r="BI79" s="1333"/>
      <c r="BJ79" s="1333"/>
      <c r="BK79" s="1333"/>
      <c r="BL79" s="1333"/>
      <c r="BM79" s="1333"/>
      <c r="BN79" s="1333"/>
      <c r="BO79" s="1333"/>
      <c r="BP79" s="1316">
        <v>7.5</v>
      </c>
      <c r="BQ79" s="1316"/>
      <c r="BR79" s="1316"/>
      <c r="BS79" s="1316"/>
      <c r="BT79" s="1316"/>
      <c r="BU79" s="1316"/>
      <c r="BV79" s="1316"/>
      <c r="BW79" s="1316"/>
      <c r="BX79" s="1316">
        <v>7.2</v>
      </c>
      <c r="BY79" s="1316"/>
      <c r="BZ79" s="1316"/>
      <c r="CA79" s="1316"/>
      <c r="CB79" s="1316"/>
      <c r="CC79" s="1316"/>
      <c r="CD79" s="1316"/>
      <c r="CE79" s="1316"/>
      <c r="CF79" s="1316">
        <v>6.9</v>
      </c>
      <c r="CG79" s="1316"/>
      <c r="CH79" s="1316"/>
      <c r="CI79" s="1316"/>
      <c r="CJ79" s="1316"/>
      <c r="CK79" s="1316"/>
      <c r="CL79" s="1316"/>
      <c r="CM79" s="1316"/>
      <c r="CN79" s="1316">
        <v>6.6</v>
      </c>
      <c r="CO79" s="1316"/>
      <c r="CP79" s="1316"/>
      <c r="CQ79" s="1316"/>
      <c r="CR79" s="1316"/>
      <c r="CS79" s="1316"/>
      <c r="CT79" s="1316"/>
      <c r="CU79" s="1316"/>
      <c r="CV79" s="1316">
        <v>6.4</v>
      </c>
      <c r="CW79" s="1316"/>
      <c r="CX79" s="1316"/>
      <c r="CY79" s="1316"/>
      <c r="CZ79" s="1316"/>
      <c r="DA79" s="1316"/>
      <c r="DB79" s="1316"/>
      <c r="DC79" s="1316"/>
    </row>
    <row r="80" spans="2:107" ht="13.2" x14ac:dyDescent="0.2">
      <c r="B80" s="397"/>
      <c r="G80" s="1326"/>
      <c r="H80" s="1326"/>
      <c r="I80" s="1335"/>
      <c r="J80" s="1335"/>
      <c r="K80" s="1346"/>
      <c r="L80" s="1346"/>
      <c r="M80" s="1346"/>
      <c r="N80" s="1346"/>
      <c r="AN80" s="1330"/>
      <c r="AO80" s="1330"/>
      <c r="AP80" s="1330"/>
      <c r="AQ80" s="1330"/>
      <c r="AR80" s="1330"/>
      <c r="AS80" s="1330"/>
      <c r="AT80" s="1330"/>
      <c r="AU80" s="1330"/>
      <c r="AV80" s="1330"/>
      <c r="AW80" s="1330"/>
      <c r="AX80" s="1330"/>
      <c r="AY80" s="1330"/>
      <c r="AZ80" s="1330"/>
      <c r="BA80" s="1330"/>
      <c r="BB80" s="1333"/>
      <c r="BC80" s="1333"/>
      <c r="BD80" s="1333"/>
      <c r="BE80" s="1333"/>
      <c r="BF80" s="1333"/>
      <c r="BG80" s="1333"/>
      <c r="BH80" s="1333"/>
      <c r="BI80" s="1333"/>
      <c r="BJ80" s="1333"/>
      <c r="BK80" s="1333"/>
      <c r="BL80" s="1333"/>
      <c r="BM80" s="1333"/>
      <c r="BN80" s="1333"/>
      <c r="BO80" s="1333"/>
      <c r="BP80" s="1316"/>
      <c r="BQ80" s="1316"/>
      <c r="BR80" s="1316"/>
      <c r="BS80" s="1316"/>
      <c r="BT80" s="1316"/>
      <c r="BU80" s="1316"/>
      <c r="BV80" s="1316"/>
      <c r="BW80" s="1316"/>
      <c r="BX80" s="1316"/>
      <c r="BY80" s="1316"/>
      <c r="BZ80" s="1316"/>
      <c r="CA80" s="1316"/>
      <c r="CB80" s="1316"/>
      <c r="CC80" s="1316"/>
      <c r="CD80" s="1316"/>
      <c r="CE80" s="1316"/>
      <c r="CF80" s="1316"/>
      <c r="CG80" s="1316"/>
      <c r="CH80" s="1316"/>
      <c r="CI80" s="1316"/>
      <c r="CJ80" s="1316"/>
      <c r="CK80" s="1316"/>
      <c r="CL80" s="1316"/>
      <c r="CM80" s="1316"/>
      <c r="CN80" s="1316"/>
      <c r="CO80" s="1316"/>
      <c r="CP80" s="1316"/>
      <c r="CQ80" s="1316"/>
      <c r="CR80" s="1316"/>
      <c r="CS80" s="1316"/>
      <c r="CT80" s="1316"/>
      <c r="CU80" s="1316"/>
      <c r="CV80" s="1316"/>
      <c r="CW80" s="1316"/>
      <c r="CX80" s="1316"/>
      <c r="CY80" s="1316"/>
      <c r="CZ80" s="1316"/>
      <c r="DA80" s="1316"/>
      <c r="DB80" s="1316"/>
      <c r="DC80" s="1316"/>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WCn0x37ilsbpaYk2QSrCJ8TmFVfsfdatsUCASHD0oORgVsOh2SblRUFycAH7Lk9ifu6GUaKsuTpZ6H4rlvsEZw==" saltValue="azz3+oLrAxrZmijXxfUNsA=="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8" scale="74" orientation="landscape"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7</v>
      </c>
    </row>
  </sheetData>
  <sheetProtection algorithmName="SHA-512" hashValue="CZHhp1pbDt/yNFB3Mc6LcK7PfmQC5mbGJsCmNMW9XI8HhnjhRr7c8msCXq3ATgAZxfsKytKAaZg25/QCAFZijQ==" saltValue="q27D5GiVVkG55I4LAILLHg==" spinCount="100000" sheet="1" objects="1" scenarios="1"/>
  <dataConsolidate/>
  <phoneticPr fontId="2"/>
  <printOptions horizontalCentered="1" verticalCentered="1"/>
  <pageMargins left="0" right="0" top="0.19685039370078741" bottom="0" header="0.39370078740157483" footer="0"/>
  <pageSetup paperSize="8" scale="53" orientation="landscape"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95</v>
      </c>
    </row>
  </sheetData>
  <sheetProtection algorithmName="SHA-512" hashValue="H3ZNM4WMHqU0I+b72aX8ejbGcJsmFeA+nYg7JstX4qDBM9HBcFgsQDzJLkPFSsV3yS/lUAzwZX2KLDQfghNMRg==" saltValue="QubwK2l4kgEnUAv0JY+xYQ==" spinCount="100000" sheet="1" objects="1" scenarios="1"/>
  <dataConsolidate/>
  <phoneticPr fontId="2"/>
  <printOptions horizontalCentered="1" verticalCentered="1"/>
  <pageMargins left="0" right="0" top="0.19685039370078741" bottom="0" header="0.39370078740157483" footer="0"/>
  <pageSetup paperSize="8" scale="53" orientation="landscape"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441406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7</v>
      </c>
      <c r="G2" s="157"/>
      <c r="H2" s="158"/>
    </row>
    <row r="3" spans="1:8" x14ac:dyDescent="0.2">
      <c r="A3" s="154" t="s">
        <v>540</v>
      </c>
      <c r="B3" s="159"/>
      <c r="C3" s="160"/>
      <c r="D3" s="161">
        <v>51151</v>
      </c>
      <c r="E3" s="162"/>
      <c r="F3" s="163">
        <v>57295</v>
      </c>
      <c r="G3" s="164"/>
      <c r="H3" s="165"/>
    </row>
    <row r="4" spans="1:8" x14ac:dyDescent="0.2">
      <c r="A4" s="166"/>
      <c r="B4" s="167"/>
      <c r="C4" s="168"/>
      <c r="D4" s="169">
        <v>25675</v>
      </c>
      <c r="E4" s="170"/>
      <c r="F4" s="171">
        <v>32771</v>
      </c>
      <c r="G4" s="172"/>
      <c r="H4" s="173"/>
    </row>
    <row r="5" spans="1:8" x14ac:dyDescent="0.2">
      <c r="A5" s="154" t="s">
        <v>542</v>
      </c>
      <c r="B5" s="159"/>
      <c r="C5" s="160"/>
      <c r="D5" s="161">
        <v>69768</v>
      </c>
      <c r="E5" s="162"/>
      <c r="F5" s="163">
        <v>54110</v>
      </c>
      <c r="G5" s="164"/>
      <c r="H5" s="165"/>
    </row>
    <row r="6" spans="1:8" x14ac:dyDescent="0.2">
      <c r="A6" s="166"/>
      <c r="B6" s="167"/>
      <c r="C6" s="168"/>
      <c r="D6" s="169">
        <v>29684</v>
      </c>
      <c r="E6" s="170"/>
      <c r="F6" s="171">
        <v>30620</v>
      </c>
      <c r="G6" s="172"/>
      <c r="H6" s="173"/>
    </row>
    <row r="7" spans="1:8" x14ac:dyDescent="0.2">
      <c r="A7" s="154" t="s">
        <v>543</v>
      </c>
      <c r="B7" s="159"/>
      <c r="C7" s="160"/>
      <c r="D7" s="161">
        <v>50413</v>
      </c>
      <c r="E7" s="162"/>
      <c r="F7" s="163">
        <v>54684</v>
      </c>
      <c r="G7" s="164"/>
      <c r="H7" s="165"/>
    </row>
    <row r="8" spans="1:8" x14ac:dyDescent="0.2">
      <c r="A8" s="166"/>
      <c r="B8" s="167"/>
      <c r="C8" s="168"/>
      <c r="D8" s="169">
        <v>15002</v>
      </c>
      <c r="E8" s="170"/>
      <c r="F8" s="171">
        <v>32829</v>
      </c>
      <c r="G8" s="172"/>
      <c r="H8" s="173"/>
    </row>
    <row r="9" spans="1:8" x14ac:dyDescent="0.2">
      <c r="A9" s="154" t="s">
        <v>544</v>
      </c>
      <c r="B9" s="159"/>
      <c r="C9" s="160"/>
      <c r="D9" s="161">
        <v>45141</v>
      </c>
      <c r="E9" s="162"/>
      <c r="F9" s="163">
        <v>62383</v>
      </c>
      <c r="G9" s="164"/>
      <c r="H9" s="165"/>
    </row>
    <row r="10" spans="1:8" x14ac:dyDescent="0.2">
      <c r="A10" s="166"/>
      <c r="B10" s="167"/>
      <c r="C10" s="168"/>
      <c r="D10" s="169">
        <v>11172</v>
      </c>
      <c r="E10" s="170"/>
      <c r="F10" s="171">
        <v>35325</v>
      </c>
      <c r="G10" s="172"/>
      <c r="H10" s="173"/>
    </row>
    <row r="11" spans="1:8" x14ac:dyDescent="0.2">
      <c r="A11" s="154" t="s">
        <v>545</v>
      </c>
      <c r="B11" s="159"/>
      <c r="C11" s="160"/>
      <c r="D11" s="161">
        <v>28497</v>
      </c>
      <c r="E11" s="162"/>
      <c r="F11" s="163">
        <v>63812</v>
      </c>
      <c r="G11" s="164"/>
      <c r="H11" s="165"/>
    </row>
    <row r="12" spans="1:8" x14ac:dyDescent="0.2">
      <c r="A12" s="166"/>
      <c r="B12" s="167"/>
      <c r="C12" s="174"/>
      <c r="D12" s="169">
        <v>10644</v>
      </c>
      <c r="E12" s="170"/>
      <c r="F12" s="171">
        <v>33848</v>
      </c>
      <c r="G12" s="172"/>
      <c r="H12" s="173"/>
    </row>
    <row r="13" spans="1:8" x14ac:dyDescent="0.2">
      <c r="A13" s="154"/>
      <c r="B13" s="159"/>
      <c r="C13" s="175"/>
      <c r="D13" s="176">
        <v>48994</v>
      </c>
      <c r="E13" s="177"/>
      <c r="F13" s="178">
        <v>58457</v>
      </c>
      <c r="G13" s="179"/>
      <c r="H13" s="165"/>
    </row>
    <row r="14" spans="1:8" x14ac:dyDescent="0.2">
      <c r="A14" s="166"/>
      <c r="B14" s="167"/>
      <c r="C14" s="168"/>
      <c r="D14" s="169">
        <v>18435</v>
      </c>
      <c r="E14" s="170"/>
      <c r="F14" s="171">
        <v>33079</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2.75</v>
      </c>
      <c r="C19" s="180">
        <f>ROUND(VALUE(SUBSTITUTE(実質収支比率等に係る経年分析!G$48,"▲","-")),2)</f>
        <v>5.89</v>
      </c>
      <c r="D19" s="180">
        <f>ROUND(VALUE(SUBSTITUTE(実質収支比率等に係る経年分析!H$48,"▲","-")),2)</f>
        <v>5.1100000000000003</v>
      </c>
      <c r="E19" s="180">
        <f>ROUND(VALUE(SUBSTITUTE(実質収支比率等に係る経年分析!I$48,"▲","-")),2)</f>
        <v>5.24</v>
      </c>
      <c r="F19" s="180">
        <f>ROUND(VALUE(SUBSTITUTE(実質収支比率等に係る経年分析!J$48,"▲","-")),2)</f>
        <v>6.8</v>
      </c>
    </row>
    <row r="20" spans="1:11" x14ac:dyDescent="0.2">
      <c r="A20" s="180" t="s">
        <v>55</v>
      </c>
      <c r="B20" s="180">
        <f>ROUND(VALUE(SUBSTITUTE(実質収支比率等に係る経年分析!F$47,"▲","-")),2)</f>
        <v>9.2799999999999994</v>
      </c>
      <c r="C20" s="180">
        <f>ROUND(VALUE(SUBSTITUTE(実質収支比率等に係る経年分析!G$47,"▲","-")),2)</f>
        <v>9.39</v>
      </c>
      <c r="D20" s="180">
        <f>ROUND(VALUE(SUBSTITUTE(実質収支比率等に係る経年分析!H$47,"▲","-")),2)</f>
        <v>9.7799999999999994</v>
      </c>
      <c r="E20" s="180">
        <f>ROUND(VALUE(SUBSTITUTE(実質収支比率等に係る経年分析!I$47,"▲","-")),2)</f>
        <v>12.61</v>
      </c>
      <c r="F20" s="180">
        <f>ROUND(VALUE(SUBSTITUTE(実質収支比率等に係る経年分析!J$47,"▲","-")),2)</f>
        <v>13.4</v>
      </c>
    </row>
    <row r="21" spans="1:11" x14ac:dyDescent="0.2">
      <c r="A21" s="180" t="s">
        <v>56</v>
      </c>
      <c r="B21" s="180">
        <f>IF(ISNUMBER(VALUE(SUBSTITUTE(実質収支比率等に係る経年分析!F$49,"▲","-"))),ROUND(VALUE(SUBSTITUTE(実質収支比率等に係る経年分析!F$49,"▲","-")),2),NA())</f>
        <v>-2.2000000000000002</v>
      </c>
      <c r="C21" s="180">
        <f>IF(ISNUMBER(VALUE(SUBSTITUTE(実質収支比率等に係る経年分析!G$49,"▲","-"))),ROUND(VALUE(SUBSTITUTE(実質収支比率等に係る経年分析!G$49,"▲","-")),2),NA())</f>
        <v>3.37</v>
      </c>
      <c r="D21" s="180">
        <f>IF(ISNUMBER(VALUE(SUBSTITUTE(実質収支比率等に係る経年分析!H$49,"▲","-"))),ROUND(VALUE(SUBSTITUTE(実質収支比率等に係る経年分析!H$49,"▲","-")),2),NA())</f>
        <v>-0.19</v>
      </c>
      <c r="E21" s="180">
        <f>IF(ISNUMBER(VALUE(SUBSTITUTE(実質収支比率等に係る経年分析!I$49,"▲","-"))),ROUND(VALUE(SUBSTITUTE(実質収支比率等に係る経年分析!I$49,"▲","-")),2),NA())</f>
        <v>3.02</v>
      </c>
      <c r="F21" s="180">
        <f>IF(ISNUMBER(VALUE(SUBSTITUTE(実質収支比率等に係る経年分析!J$49,"▲","-"))),ROUND(VALUE(SUBSTITUTE(実質収支比率等に係る経年分析!J$49,"▲","-")),2),NA())</f>
        <v>2.69</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06</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06</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06</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35</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str">
        <f>IF(連結実質赤字比率に係る赤字・黒字の構成分析!C$39="",NA(),連結実質赤字比率に係る赤字・黒字の構成分析!C$39)</f>
        <v>深谷中央特定土地区画整理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03</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03</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03</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v>
      </c>
    </row>
    <row r="32" spans="1:11" x14ac:dyDescent="0.2">
      <c r="A32" s="181" t="str">
        <f>IF(連結実質赤字比率に係る赤字・黒字の構成分析!C$38="",NA(),連結実質赤字比率に係る赤字・黒字の構成分析!C$38)</f>
        <v>後期高齢者医療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03</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09</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04</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09</v>
      </c>
    </row>
    <row r="33" spans="1:16" x14ac:dyDescent="0.2">
      <c r="A33" s="181" t="str">
        <f>IF(連結実質赤字比率に係る赤字・黒字の構成分析!C$37="",NA(),連結実質赤字比率に係る赤字・黒字の構成分析!C$37)</f>
        <v>公共下水道事業会計</v>
      </c>
      <c r="B33" s="181" t="e">
        <f>IF(ROUND(VALUE(SUBSTITUTE(連結実質赤字比率に係る赤字・黒字の構成分析!F$37,"▲", "-")), 2) &lt; 0, ABS(ROUND(VALUE(SUBSTITUTE(連結実質赤字比率に係る赤字・黒字の構成分析!F$37,"▲", "-")), 2)), NA())</f>
        <v>#VALUE!</v>
      </c>
      <c r="C33" s="181" t="e">
        <f>IF(ROUND(VALUE(SUBSTITUTE(連結実質赤字比率に係る赤字・黒字の構成分析!F$37,"▲", "-")), 2) &gt;= 0, ABS(ROUND(VALUE(SUBSTITUTE(連結実質赤字比率に係る赤字・黒字の構成分析!F$37,"▲", "-")), 2)), NA())</f>
        <v>#VALUE!</v>
      </c>
      <c r="D33" s="181" t="e">
        <f>IF(ROUND(VALUE(SUBSTITUTE(連結実質赤字比率に係る赤字・黒字の構成分析!G$37,"▲", "-")), 2) &lt; 0, ABS(ROUND(VALUE(SUBSTITUTE(連結実質赤字比率に係る赤字・黒字の構成分析!G$37,"▲", "-")), 2)), NA())</f>
        <v>#VALUE!</v>
      </c>
      <c r="E33" s="181" t="e">
        <f>IF(ROUND(VALUE(SUBSTITUTE(連結実質赤字比率に係る赤字・黒字の構成分析!G$37,"▲", "-")), 2) &gt;= 0, ABS(ROUND(VALUE(SUBSTITUTE(連結実質赤字比率に係る赤字・黒字の構成分析!G$37,"▲", "-")), 2)), NA())</f>
        <v>#VALUE!</v>
      </c>
      <c r="F33" s="181" t="e">
        <f>IF(ROUND(VALUE(SUBSTITUTE(連結実質赤字比率に係る赤字・黒字の構成分析!H$37,"▲", "-")), 2) &lt; 0, ABS(ROUND(VALUE(SUBSTITUTE(連結実質赤字比率に係る赤字・黒字の構成分析!H$37,"▲", "-")), 2)), NA())</f>
        <v>#VALUE!</v>
      </c>
      <c r="G33" s="181" t="e">
        <f>IF(ROUND(VALUE(SUBSTITUTE(連結実質赤字比率に係る赤字・黒字の構成分析!H$37,"▲", "-")), 2) &gt;= 0, ABS(ROUND(VALUE(SUBSTITUTE(連結実質赤字比率に係る赤字・黒字の構成分析!H$37,"▲", "-")), 2)), NA())</f>
        <v>#VALUE!</v>
      </c>
      <c r="H33" s="181" t="e">
        <f>IF(ROUND(VALUE(SUBSTITUTE(連結実質赤字比率に係る赤字・黒字の構成分析!I$37,"▲", "-")), 2) &lt; 0, ABS(ROUND(VALUE(SUBSTITUTE(連結実質赤字比率に係る赤字・黒字の構成分析!I$37,"▲", "-")), 2)), NA())</f>
        <v>#VALUE!</v>
      </c>
      <c r="I33" s="181" t="e">
        <f>IF(ROUND(VALUE(SUBSTITUTE(連結実質赤字比率に係る赤字・黒字の構成分析!I$37,"▲", "-")), 2) &gt;= 0, ABS(ROUND(VALUE(SUBSTITUTE(連結実質赤字比率に係る赤字・黒字の構成分析!I$37,"▲", "-")), 2)), NA())</f>
        <v>#VALUE!</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13</v>
      </c>
    </row>
    <row r="34" spans="1:16" x14ac:dyDescent="0.2">
      <c r="A34" s="181" t="str">
        <f>IF(連結実質赤字比率に係る赤字・黒字の構成分析!C$36="",NA(),連結実質赤字比率に係る赤字・黒字の構成分析!C$36)</f>
        <v>国民健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0.37</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81</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06</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06</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14000000000000001</v>
      </c>
    </row>
    <row r="35" spans="1:16" x14ac:dyDescent="0.2">
      <c r="A35" s="181" t="str">
        <f>IF(連結実質赤字比率に係る赤字・黒字の構成分析!C$35="",NA(),連結実質赤字比率に係る赤字・黒字の構成分析!C$35)</f>
        <v>介護保険事業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0.34</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0.57999999999999996</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0.62</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0.37</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0.51</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4.5999999999999996</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5.85</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5.08</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5.24</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6.79</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2328</v>
      </c>
      <c r="E42" s="182"/>
      <c r="F42" s="182"/>
      <c r="G42" s="182">
        <f>'実質公債費比率（分子）の構造'!L$52</f>
        <v>2375</v>
      </c>
      <c r="H42" s="182"/>
      <c r="I42" s="182"/>
      <c r="J42" s="182">
        <f>'実質公債費比率（分子）の構造'!M$52</f>
        <v>2382</v>
      </c>
      <c r="K42" s="182"/>
      <c r="L42" s="182"/>
      <c r="M42" s="182">
        <f>'実質公債費比率（分子）の構造'!N$52</f>
        <v>2368</v>
      </c>
      <c r="N42" s="182"/>
      <c r="O42" s="182"/>
      <c r="P42" s="182">
        <f>'実質公債費比率（分子）の構造'!O$52</f>
        <v>2448</v>
      </c>
    </row>
    <row r="43" spans="1:16" x14ac:dyDescent="0.2">
      <c r="A43" s="182" t="s">
        <v>64</v>
      </c>
      <c r="B43" s="182" t="str">
        <f>'実質公債費比率（分子）の構造'!K$51</f>
        <v>-</v>
      </c>
      <c r="C43" s="182"/>
      <c r="D43" s="182"/>
      <c r="E43" s="182">
        <f>'実質公債費比率（分子）の構造'!L$51</f>
        <v>0</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299</v>
      </c>
      <c r="C44" s="182"/>
      <c r="D44" s="182"/>
      <c r="E44" s="182">
        <f>'実質公債費比率（分子）の構造'!L$50</f>
        <v>661</v>
      </c>
      <c r="F44" s="182"/>
      <c r="G44" s="182"/>
      <c r="H44" s="182">
        <f>'実質公債費比率（分子）の構造'!M$50</f>
        <v>159</v>
      </c>
      <c r="I44" s="182"/>
      <c r="J44" s="182"/>
      <c r="K44" s="182">
        <f>'実質公債費比率（分子）の構造'!N$50</f>
        <v>3</v>
      </c>
      <c r="L44" s="182"/>
      <c r="M44" s="182"/>
      <c r="N44" s="182">
        <f>'実質公債費比率（分子）の構造'!O$50</f>
        <v>333</v>
      </c>
      <c r="O44" s="182"/>
      <c r="P44" s="182"/>
    </row>
    <row r="45" spans="1:16" x14ac:dyDescent="0.2">
      <c r="A45" s="182" t="s">
        <v>66</v>
      </c>
      <c r="B45" s="182">
        <f>'実質公債費比率（分子）の構造'!K$49</f>
        <v>12</v>
      </c>
      <c r="C45" s="182"/>
      <c r="D45" s="182"/>
      <c r="E45" s="182">
        <f>'実質公債費比率（分子）の構造'!L$49</f>
        <v>0</v>
      </c>
      <c r="F45" s="182"/>
      <c r="G45" s="182"/>
      <c r="H45" s="182">
        <f>'実質公債費比率（分子）の構造'!M$49</f>
        <v>19</v>
      </c>
      <c r="I45" s="182"/>
      <c r="J45" s="182"/>
      <c r="K45" s="182">
        <f>'実質公債費比率（分子）の構造'!N$49</f>
        <v>45</v>
      </c>
      <c r="L45" s="182"/>
      <c r="M45" s="182"/>
      <c r="N45" s="182">
        <f>'実質公債費比率（分子）の構造'!O$49</f>
        <v>97</v>
      </c>
      <c r="O45" s="182"/>
      <c r="P45" s="182"/>
    </row>
    <row r="46" spans="1:16" x14ac:dyDescent="0.2">
      <c r="A46" s="182" t="s">
        <v>67</v>
      </c>
      <c r="B46" s="182">
        <f>'実質公債費比率（分子）の構造'!K$48</f>
        <v>1170</v>
      </c>
      <c r="C46" s="182"/>
      <c r="D46" s="182"/>
      <c r="E46" s="182">
        <f>'実質公債費比率（分子）の構造'!L$48</f>
        <v>1203</v>
      </c>
      <c r="F46" s="182"/>
      <c r="G46" s="182"/>
      <c r="H46" s="182">
        <f>'実質公債費比率（分子）の構造'!M$48</f>
        <v>1202</v>
      </c>
      <c r="I46" s="182"/>
      <c r="J46" s="182"/>
      <c r="K46" s="182">
        <f>'実質公債費比率（分子）の構造'!N$48</f>
        <v>1166</v>
      </c>
      <c r="L46" s="182"/>
      <c r="M46" s="182"/>
      <c r="N46" s="182">
        <f>'実質公債費比率（分子）の構造'!O$48</f>
        <v>681</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1865</v>
      </c>
      <c r="C49" s="182"/>
      <c r="D49" s="182"/>
      <c r="E49" s="182">
        <f>'実質公債費比率（分子）の構造'!L$45</f>
        <v>1895</v>
      </c>
      <c r="F49" s="182"/>
      <c r="G49" s="182"/>
      <c r="H49" s="182">
        <f>'実質公債費比率（分子）の構造'!M$45</f>
        <v>1957</v>
      </c>
      <c r="I49" s="182"/>
      <c r="J49" s="182"/>
      <c r="K49" s="182">
        <f>'実質公債費比率（分子）の構造'!N$45</f>
        <v>2009</v>
      </c>
      <c r="L49" s="182"/>
      <c r="M49" s="182"/>
      <c r="N49" s="182">
        <f>'実質公債費比率（分子）の構造'!O$45</f>
        <v>2018</v>
      </c>
      <c r="O49" s="182"/>
      <c r="P49" s="182"/>
    </row>
    <row r="50" spans="1:16" x14ac:dyDescent="0.2">
      <c r="A50" s="182" t="s">
        <v>71</v>
      </c>
      <c r="B50" s="182" t="e">
        <f>NA()</f>
        <v>#N/A</v>
      </c>
      <c r="C50" s="182">
        <f>IF(ISNUMBER('実質公債費比率（分子）の構造'!K$53),'実質公債費比率（分子）の構造'!K$53,NA())</f>
        <v>1018</v>
      </c>
      <c r="D50" s="182" t="e">
        <f>NA()</f>
        <v>#N/A</v>
      </c>
      <c r="E50" s="182" t="e">
        <f>NA()</f>
        <v>#N/A</v>
      </c>
      <c r="F50" s="182">
        <f>IF(ISNUMBER('実質公債費比率（分子）の構造'!L$53),'実質公債費比率（分子）の構造'!L$53,NA())</f>
        <v>1384</v>
      </c>
      <c r="G50" s="182" t="e">
        <f>NA()</f>
        <v>#N/A</v>
      </c>
      <c r="H50" s="182" t="e">
        <f>NA()</f>
        <v>#N/A</v>
      </c>
      <c r="I50" s="182">
        <f>IF(ISNUMBER('実質公債費比率（分子）の構造'!M$53),'実質公債費比率（分子）の構造'!M$53,NA())</f>
        <v>955</v>
      </c>
      <c r="J50" s="182" t="e">
        <f>NA()</f>
        <v>#N/A</v>
      </c>
      <c r="K50" s="182" t="e">
        <f>NA()</f>
        <v>#N/A</v>
      </c>
      <c r="L50" s="182">
        <f>IF(ISNUMBER('実質公債費比率（分子）の構造'!N$53),'実質公債費比率（分子）の構造'!N$53,NA())</f>
        <v>855</v>
      </c>
      <c r="M50" s="182" t="e">
        <f>NA()</f>
        <v>#N/A</v>
      </c>
      <c r="N50" s="182" t="e">
        <f>NA()</f>
        <v>#N/A</v>
      </c>
      <c r="O50" s="182">
        <f>IF(ISNUMBER('実質公債費比率（分子）の構造'!O$53),'実質公債費比率（分子）の構造'!O$53,NA())</f>
        <v>681</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21919</v>
      </c>
      <c r="E56" s="181"/>
      <c r="F56" s="181"/>
      <c r="G56" s="181">
        <f>'将来負担比率（分子）の構造'!J$52</f>
        <v>21944</v>
      </c>
      <c r="H56" s="181"/>
      <c r="I56" s="181"/>
      <c r="J56" s="181">
        <f>'将来負担比率（分子）の構造'!K$52</f>
        <v>21725</v>
      </c>
      <c r="K56" s="181"/>
      <c r="L56" s="181"/>
      <c r="M56" s="181">
        <f>'将来負担比率（分子）の構造'!L$52</f>
        <v>21217</v>
      </c>
      <c r="N56" s="181"/>
      <c r="O56" s="181"/>
      <c r="P56" s="181">
        <f>'将来負担比率（分子）の構造'!M$52</f>
        <v>20671</v>
      </c>
    </row>
    <row r="57" spans="1:16" x14ac:dyDescent="0.2">
      <c r="A57" s="181" t="s">
        <v>42</v>
      </c>
      <c r="B57" s="181"/>
      <c r="C57" s="181"/>
      <c r="D57" s="181">
        <f>'将来負担比率（分子）の構造'!I$51</f>
        <v>2690</v>
      </c>
      <c r="E57" s="181"/>
      <c r="F57" s="181"/>
      <c r="G57" s="181">
        <f>'将来負担比率（分子）の構造'!J$51</f>
        <v>2606</v>
      </c>
      <c r="H57" s="181"/>
      <c r="I57" s="181"/>
      <c r="J57" s="181">
        <f>'将来負担比率（分子）の構造'!K$51</f>
        <v>2423</v>
      </c>
      <c r="K57" s="181"/>
      <c r="L57" s="181"/>
      <c r="M57" s="181">
        <f>'将来負担比率（分子）の構造'!L$51</f>
        <v>2305</v>
      </c>
      <c r="N57" s="181"/>
      <c r="O57" s="181"/>
      <c r="P57" s="181">
        <f>'将来負担比率（分子）の構造'!M$51</f>
        <v>2443</v>
      </c>
    </row>
    <row r="58" spans="1:16" x14ac:dyDescent="0.2">
      <c r="A58" s="181" t="s">
        <v>41</v>
      </c>
      <c r="B58" s="181"/>
      <c r="C58" s="181"/>
      <c r="D58" s="181">
        <f>'将来負担比率（分子）の構造'!I$50</f>
        <v>2802</v>
      </c>
      <c r="E58" s="181"/>
      <c r="F58" s="181"/>
      <c r="G58" s="181">
        <f>'将来負担比率（分子）の構造'!J$50</f>
        <v>2551</v>
      </c>
      <c r="H58" s="181"/>
      <c r="I58" s="181"/>
      <c r="J58" s="181">
        <f>'将来負担比率（分子）の構造'!K$50</f>
        <v>2629</v>
      </c>
      <c r="K58" s="181"/>
      <c r="L58" s="181"/>
      <c r="M58" s="181">
        <f>'将来負担比率（分子）の構造'!L$50</f>
        <v>3280</v>
      </c>
      <c r="N58" s="181"/>
      <c r="O58" s="181"/>
      <c r="P58" s="181">
        <f>'将来負担比率（分子）の構造'!M$50</f>
        <v>3571</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5395</v>
      </c>
      <c r="C62" s="181"/>
      <c r="D62" s="181"/>
      <c r="E62" s="181">
        <f>'将来負担比率（分子）の構造'!J$45</f>
        <v>5432</v>
      </c>
      <c r="F62" s="181"/>
      <c r="G62" s="181"/>
      <c r="H62" s="181">
        <f>'将来負担比率（分子）の構造'!K$45</f>
        <v>5148</v>
      </c>
      <c r="I62" s="181"/>
      <c r="J62" s="181"/>
      <c r="K62" s="181">
        <f>'将来負担比率（分子）の構造'!L$45</f>
        <v>5025</v>
      </c>
      <c r="L62" s="181"/>
      <c r="M62" s="181"/>
      <c r="N62" s="181">
        <f>'将来負担比率（分子）の構造'!M$45</f>
        <v>4949</v>
      </c>
      <c r="O62" s="181"/>
      <c r="P62" s="181"/>
    </row>
    <row r="63" spans="1:16" x14ac:dyDescent="0.2">
      <c r="A63" s="181" t="s">
        <v>34</v>
      </c>
      <c r="B63" s="181">
        <f>'将来負担比率（分子）の構造'!I$44</f>
        <v>765</v>
      </c>
      <c r="C63" s="181"/>
      <c r="D63" s="181"/>
      <c r="E63" s="181">
        <f>'将来負担比率（分子）の構造'!J$44</f>
        <v>1869</v>
      </c>
      <c r="F63" s="181"/>
      <c r="G63" s="181"/>
      <c r="H63" s="181">
        <f>'将来負担比率（分子）の構造'!K$44</f>
        <v>3479</v>
      </c>
      <c r="I63" s="181"/>
      <c r="J63" s="181"/>
      <c r="K63" s="181">
        <f>'将来負担比率（分子）の構造'!L$44</f>
        <v>3484</v>
      </c>
      <c r="L63" s="181"/>
      <c r="M63" s="181"/>
      <c r="N63" s="181">
        <f>'将来負担比率（分子）の構造'!M$44</f>
        <v>3460</v>
      </c>
      <c r="O63" s="181"/>
      <c r="P63" s="181"/>
    </row>
    <row r="64" spans="1:16" x14ac:dyDescent="0.2">
      <c r="A64" s="181" t="s">
        <v>33</v>
      </c>
      <c r="B64" s="181">
        <f>'将来負担比率（分子）の構造'!I$43</f>
        <v>10102</v>
      </c>
      <c r="C64" s="181"/>
      <c r="D64" s="181"/>
      <c r="E64" s="181">
        <f>'将来負担比率（分子）の構造'!J$43</f>
        <v>9523</v>
      </c>
      <c r="F64" s="181"/>
      <c r="G64" s="181"/>
      <c r="H64" s="181">
        <f>'将来負担比率（分子）の構造'!K$43</f>
        <v>8745</v>
      </c>
      <c r="I64" s="181"/>
      <c r="J64" s="181"/>
      <c r="K64" s="181">
        <f>'将来負担比率（分子）の構造'!L$43</f>
        <v>8062</v>
      </c>
      <c r="L64" s="181"/>
      <c r="M64" s="181"/>
      <c r="N64" s="181">
        <f>'将来負担比率（分子）の構造'!M$43</f>
        <v>6177</v>
      </c>
      <c r="O64" s="181"/>
      <c r="P64" s="181"/>
    </row>
    <row r="65" spans="1:16" x14ac:dyDescent="0.2">
      <c r="A65" s="181" t="s">
        <v>32</v>
      </c>
      <c r="B65" s="181">
        <f>'将来負担比率（分子）の構造'!I$42</f>
        <v>1248</v>
      </c>
      <c r="C65" s="181"/>
      <c r="D65" s="181"/>
      <c r="E65" s="181">
        <f>'将来負担比率（分子）の構造'!J$42</f>
        <v>1017</v>
      </c>
      <c r="F65" s="181"/>
      <c r="G65" s="181"/>
      <c r="H65" s="181">
        <f>'将来負担比率（分子）の構造'!K$42</f>
        <v>591</v>
      </c>
      <c r="I65" s="181"/>
      <c r="J65" s="181"/>
      <c r="K65" s="181">
        <f>'将来負担比率（分子）の構造'!L$42</f>
        <v>420</v>
      </c>
      <c r="L65" s="181"/>
      <c r="M65" s="181"/>
      <c r="N65" s="181">
        <f>'将来負担比率（分子）の構造'!M$42</f>
        <v>452</v>
      </c>
      <c r="O65" s="181"/>
      <c r="P65" s="181"/>
    </row>
    <row r="66" spans="1:16" x14ac:dyDescent="0.2">
      <c r="A66" s="181" t="s">
        <v>31</v>
      </c>
      <c r="B66" s="181">
        <f>'将来負担比率（分子）の構造'!I$41</f>
        <v>16310</v>
      </c>
      <c r="C66" s="181"/>
      <c r="D66" s="181"/>
      <c r="E66" s="181">
        <f>'将来負担比率（分子）の構造'!J$41</f>
        <v>16687</v>
      </c>
      <c r="F66" s="181"/>
      <c r="G66" s="181"/>
      <c r="H66" s="181">
        <f>'将来負担比率（分子）の構造'!K$41</f>
        <v>16694</v>
      </c>
      <c r="I66" s="181"/>
      <c r="J66" s="181"/>
      <c r="K66" s="181">
        <f>'将来負担比率（分子）の構造'!L$41</f>
        <v>16801</v>
      </c>
      <c r="L66" s="181"/>
      <c r="M66" s="181"/>
      <c r="N66" s="181">
        <f>'将来負担比率（分子）の構造'!M$41</f>
        <v>15881</v>
      </c>
      <c r="O66" s="181"/>
      <c r="P66" s="181"/>
    </row>
    <row r="67" spans="1:16" x14ac:dyDescent="0.2">
      <c r="A67" s="181" t="s">
        <v>75</v>
      </c>
      <c r="B67" s="181" t="e">
        <f>NA()</f>
        <v>#N/A</v>
      </c>
      <c r="C67" s="181">
        <f>IF(ISNUMBER('将来負担比率（分子）の構造'!I$53), IF('将来負担比率（分子）の構造'!I$53 &lt; 0, 0, '将来負担比率（分子）の構造'!I$53), NA())</f>
        <v>6408</v>
      </c>
      <c r="D67" s="181" t="e">
        <f>NA()</f>
        <v>#N/A</v>
      </c>
      <c r="E67" s="181" t="e">
        <f>NA()</f>
        <v>#N/A</v>
      </c>
      <c r="F67" s="181">
        <f>IF(ISNUMBER('将来負担比率（分子）の構造'!J$53), IF('将来負担比率（分子）の構造'!J$53 &lt; 0, 0, '将来負担比率（分子）の構造'!J$53), NA())</f>
        <v>7426</v>
      </c>
      <c r="G67" s="181" t="e">
        <f>NA()</f>
        <v>#N/A</v>
      </c>
      <c r="H67" s="181" t="e">
        <f>NA()</f>
        <v>#N/A</v>
      </c>
      <c r="I67" s="181">
        <f>IF(ISNUMBER('将来負担比率（分子）の構造'!K$53), IF('将来負担比率（分子）の構造'!K$53 &lt; 0, 0, '将来負担比率（分子）の構造'!K$53), NA())</f>
        <v>7880</v>
      </c>
      <c r="J67" s="181" t="e">
        <f>NA()</f>
        <v>#N/A</v>
      </c>
      <c r="K67" s="181" t="e">
        <f>NA()</f>
        <v>#N/A</v>
      </c>
      <c r="L67" s="181">
        <f>IF(ISNUMBER('将来負担比率（分子）の構造'!L$53), IF('将来負担比率（分子）の構造'!L$53 &lt; 0, 0, '将来負担比率（分子）の構造'!L$53), NA())</f>
        <v>6989</v>
      </c>
      <c r="M67" s="181" t="e">
        <f>NA()</f>
        <v>#N/A</v>
      </c>
      <c r="N67" s="181" t="e">
        <f>NA()</f>
        <v>#N/A</v>
      </c>
      <c r="O67" s="181">
        <f>IF(ISNUMBER('将来負担比率（分子）の構造'!M$53), IF('将来負担比率（分子）の構造'!M$53 &lt; 0, 0, '将来負担比率（分子）の構造'!M$53), NA())</f>
        <v>4233</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1587</v>
      </c>
      <c r="C72" s="185">
        <f>基金残高に係る経年分析!G55</f>
        <v>2055</v>
      </c>
      <c r="D72" s="185">
        <f>基金残高に係る経年分析!H55</f>
        <v>2227</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658</v>
      </c>
      <c r="C74" s="185">
        <f>基金残高に係る経年分析!G57</f>
        <v>767</v>
      </c>
      <c r="D74" s="185">
        <f>基金残高に係る経年分析!H57</f>
        <v>910</v>
      </c>
    </row>
  </sheetData>
  <sheetProtection algorithmName="SHA-512" hashValue="lsGbC1P6OMkOk4su1H8gtfs3nW6LHyZw3tPC9MDIskL7oj7A2DDhbSyge4zjlnfz/yuezUGcpBP5z6RJNrNScg==" saltValue="z0rkKV4WqtO5MASQfaaB3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5546875" style="226" customWidth="1"/>
    <col min="96" max="133" width="1.5546875" style="243" customWidth="1"/>
    <col min="134" max="143" width="1.554687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0</v>
      </c>
      <c r="DI1" s="662"/>
      <c r="DJ1" s="662"/>
      <c r="DK1" s="662"/>
      <c r="DL1" s="662"/>
      <c r="DM1" s="662"/>
      <c r="DN1" s="663"/>
      <c r="DO1" s="226"/>
      <c r="DP1" s="661" t="s">
        <v>211</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2</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3</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4</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5</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6</v>
      </c>
      <c r="S4" s="665"/>
      <c r="T4" s="665"/>
      <c r="U4" s="665"/>
      <c r="V4" s="665"/>
      <c r="W4" s="665"/>
      <c r="X4" s="665"/>
      <c r="Y4" s="666"/>
      <c r="Z4" s="664" t="s">
        <v>217</v>
      </c>
      <c r="AA4" s="665"/>
      <c r="AB4" s="665"/>
      <c r="AC4" s="666"/>
      <c r="AD4" s="664" t="s">
        <v>218</v>
      </c>
      <c r="AE4" s="665"/>
      <c r="AF4" s="665"/>
      <c r="AG4" s="665"/>
      <c r="AH4" s="665"/>
      <c r="AI4" s="665"/>
      <c r="AJ4" s="665"/>
      <c r="AK4" s="666"/>
      <c r="AL4" s="664" t="s">
        <v>217</v>
      </c>
      <c r="AM4" s="665"/>
      <c r="AN4" s="665"/>
      <c r="AO4" s="666"/>
      <c r="AP4" s="670" t="s">
        <v>219</v>
      </c>
      <c r="AQ4" s="670"/>
      <c r="AR4" s="670"/>
      <c r="AS4" s="670"/>
      <c r="AT4" s="670"/>
      <c r="AU4" s="670"/>
      <c r="AV4" s="670"/>
      <c r="AW4" s="670"/>
      <c r="AX4" s="670"/>
      <c r="AY4" s="670"/>
      <c r="AZ4" s="670"/>
      <c r="BA4" s="670"/>
      <c r="BB4" s="670"/>
      <c r="BC4" s="670"/>
      <c r="BD4" s="670"/>
      <c r="BE4" s="670"/>
      <c r="BF4" s="670"/>
      <c r="BG4" s="670" t="s">
        <v>220</v>
      </c>
      <c r="BH4" s="670"/>
      <c r="BI4" s="670"/>
      <c r="BJ4" s="670"/>
      <c r="BK4" s="670"/>
      <c r="BL4" s="670"/>
      <c r="BM4" s="670"/>
      <c r="BN4" s="670"/>
      <c r="BO4" s="670" t="s">
        <v>217</v>
      </c>
      <c r="BP4" s="670"/>
      <c r="BQ4" s="670"/>
      <c r="BR4" s="670"/>
      <c r="BS4" s="670" t="s">
        <v>221</v>
      </c>
      <c r="BT4" s="670"/>
      <c r="BU4" s="670"/>
      <c r="BV4" s="670"/>
      <c r="BW4" s="670"/>
      <c r="BX4" s="670"/>
      <c r="BY4" s="670"/>
      <c r="BZ4" s="670"/>
      <c r="CA4" s="670"/>
      <c r="CB4" s="670"/>
      <c r="CD4" s="667" t="s">
        <v>222</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3</v>
      </c>
      <c r="C5" s="672"/>
      <c r="D5" s="672"/>
      <c r="E5" s="672"/>
      <c r="F5" s="672"/>
      <c r="G5" s="672"/>
      <c r="H5" s="672"/>
      <c r="I5" s="672"/>
      <c r="J5" s="672"/>
      <c r="K5" s="672"/>
      <c r="L5" s="672"/>
      <c r="M5" s="672"/>
      <c r="N5" s="672"/>
      <c r="O5" s="672"/>
      <c r="P5" s="672"/>
      <c r="Q5" s="673"/>
      <c r="R5" s="674">
        <v>13014635</v>
      </c>
      <c r="S5" s="675"/>
      <c r="T5" s="675"/>
      <c r="U5" s="675"/>
      <c r="V5" s="675"/>
      <c r="W5" s="675"/>
      <c r="X5" s="675"/>
      <c r="Y5" s="676"/>
      <c r="Z5" s="677">
        <v>33.6</v>
      </c>
      <c r="AA5" s="677"/>
      <c r="AB5" s="677"/>
      <c r="AC5" s="677"/>
      <c r="AD5" s="678">
        <v>12244916</v>
      </c>
      <c r="AE5" s="678"/>
      <c r="AF5" s="678"/>
      <c r="AG5" s="678"/>
      <c r="AH5" s="678"/>
      <c r="AI5" s="678"/>
      <c r="AJ5" s="678"/>
      <c r="AK5" s="678"/>
      <c r="AL5" s="679">
        <v>72</v>
      </c>
      <c r="AM5" s="680"/>
      <c r="AN5" s="680"/>
      <c r="AO5" s="681"/>
      <c r="AP5" s="671" t="s">
        <v>224</v>
      </c>
      <c r="AQ5" s="672"/>
      <c r="AR5" s="672"/>
      <c r="AS5" s="672"/>
      <c r="AT5" s="672"/>
      <c r="AU5" s="672"/>
      <c r="AV5" s="672"/>
      <c r="AW5" s="672"/>
      <c r="AX5" s="672"/>
      <c r="AY5" s="672"/>
      <c r="AZ5" s="672"/>
      <c r="BA5" s="672"/>
      <c r="BB5" s="672"/>
      <c r="BC5" s="672"/>
      <c r="BD5" s="672"/>
      <c r="BE5" s="672"/>
      <c r="BF5" s="673"/>
      <c r="BG5" s="685">
        <v>12244916</v>
      </c>
      <c r="BH5" s="686"/>
      <c r="BI5" s="686"/>
      <c r="BJ5" s="686"/>
      <c r="BK5" s="686"/>
      <c r="BL5" s="686"/>
      <c r="BM5" s="686"/>
      <c r="BN5" s="687"/>
      <c r="BO5" s="688">
        <v>94.1</v>
      </c>
      <c r="BP5" s="688"/>
      <c r="BQ5" s="688"/>
      <c r="BR5" s="688"/>
      <c r="BS5" s="689">
        <v>55478</v>
      </c>
      <c r="BT5" s="689"/>
      <c r="BU5" s="689"/>
      <c r="BV5" s="689"/>
      <c r="BW5" s="689"/>
      <c r="BX5" s="689"/>
      <c r="BY5" s="689"/>
      <c r="BZ5" s="689"/>
      <c r="CA5" s="689"/>
      <c r="CB5" s="693"/>
      <c r="CD5" s="667" t="s">
        <v>219</v>
      </c>
      <c r="CE5" s="668"/>
      <c r="CF5" s="668"/>
      <c r="CG5" s="668"/>
      <c r="CH5" s="668"/>
      <c r="CI5" s="668"/>
      <c r="CJ5" s="668"/>
      <c r="CK5" s="668"/>
      <c r="CL5" s="668"/>
      <c r="CM5" s="668"/>
      <c r="CN5" s="668"/>
      <c r="CO5" s="668"/>
      <c r="CP5" s="668"/>
      <c r="CQ5" s="669"/>
      <c r="CR5" s="667" t="s">
        <v>225</v>
      </c>
      <c r="CS5" s="668"/>
      <c r="CT5" s="668"/>
      <c r="CU5" s="668"/>
      <c r="CV5" s="668"/>
      <c r="CW5" s="668"/>
      <c r="CX5" s="668"/>
      <c r="CY5" s="669"/>
      <c r="CZ5" s="667" t="s">
        <v>217</v>
      </c>
      <c r="DA5" s="668"/>
      <c r="DB5" s="668"/>
      <c r="DC5" s="669"/>
      <c r="DD5" s="667" t="s">
        <v>226</v>
      </c>
      <c r="DE5" s="668"/>
      <c r="DF5" s="668"/>
      <c r="DG5" s="668"/>
      <c r="DH5" s="668"/>
      <c r="DI5" s="668"/>
      <c r="DJ5" s="668"/>
      <c r="DK5" s="668"/>
      <c r="DL5" s="668"/>
      <c r="DM5" s="668"/>
      <c r="DN5" s="668"/>
      <c r="DO5" s="668"/>
      <c r="DP5" s="669"/>
      <c r="DQ5" s="667" t="s">
        <v>227</v>
      </c>
      <c r="DR5" s="668"/>
      <c r="DS5" s="668"/>
      <c r="DT5" s="668"/>
      <c r="DU5" s="668"/>
      <c r="DV5" s="668"/>
      <c r="DW5" s="668"/>
      <c r="DX5" s="668"/>
      <c r="DY5" s="668"/>
      <c r="DZ5" s="668"/>
      <c r="EA5" s="668"/>
      <c r="EB5" s="668"/>
      <c r="EC5" s="669"/>
    </row>
    <row r="6" spans="2:143" ht="11.25" customHeight="1" x14ac:dyDescent="0.2">
      <c r="B6" s="682" t="s">
        <v>228</v>
      </c>
      <c r="C6" s="683"/>
      <c r="D6" s="683"/>
      <c r="E6" s="683"/>
      <c r="F6" s="683"/>
      <c r="G6" s="683"/>
      <c r="H6" s="683"/>
      <c r="I6" s="683"/>
      <c r="J6" s="683"/>
      <c r="K6" s="683"/>
      <c r="L6" s="683"/>
      <c r="M6" s="683"/>
      <c r="N6" s="683"/>
      <c r="O6" s="683"/>
      <c r="P6" s="683"/>
      <c r="Q6" s="684"/>
      <c r="R6" s="685">
        <v>174527</v>
      </c>
      <c r="S6" s="686"/>
      <c r="T6" s="686"/>
      <c r="U6" s="686"/>
      <c r="V6" s="686"/>
      <c r="W6" s="686"/>
      <c r="X6" s="686"/>
      <c r="Y6" s="687"/>
      <c r="Z6" s="688">
        <v>0.5</v>
      </c>
      <c r="AA6" s="688"/>
      <c r="AB6" s="688"/>
      <c r="AC6" s="688"/>
      <c r="AD6" s="689">
        <v>174527</v>
      </c>
      <c r="AE6" s="689"/>
      <c r="AF6" s="689"/>
      <c r="AG6" s="689"/>
      <c r="AH6" s="689"/>
      <c r="AI6" s="689"/>
      <c r="AJ6" s="689"/>
      <c r="AK6" s="689"/>
      <c r="AL6" s="690">
        <v>1</v>
      </c>
      <c r="AM6" s="691"/>
      <c r="AN6" s="691"/>
      <c r="AO6" s="692"/>
      <c r="AP6" s="682" t="s">
        <v>229</v>
      </c>
      <c r="AQ6" s="683"/>
      <c r="AR6" s="683"/>
      <c r="AS6" s="683"/>
      <c r="AT6" s="683"/>
      <c r="AU6" s="683"/>
      <c r="AV6" s="683"/>
      <c r="AW6" s="683"/>
      <c r="AX6" s="683"/>
      <c r="AY6" s="683"/>
      <c r="AZ6" s="683"/>
      <c r="BA6" s="683"/>
      <c r="BB6" s="683"/>
      <c r="BC6" s="683"/>
      <c r="BD6" s="683"/>
      <c r="BE6" s="683"/>
      <c r="BF6" s="684"/>
      <c r="BG6" s="685">
        <v>12244916</v>
      </c>
      <c r="BH6" s="686"/>
      <c r="BI6" s="686"/>
      <c r="BJ6" s="686"/>
      <c r="BK6" s="686"/>
      <c r="BL6" s="686"/>
      <c r="BM6" s="686"/>
      <c r="BN6" s="687"/>
      <c r="BO6" s="688">
        <v>94.1</v>
      </c>
      <c r="BP6" s="688"/>
      <c r="BQ6" s="688"/>
      <c r="BR6" s="688"/>
      <c r="BS6" s="689">
        <v>55478</v>
      </c>
      <c r="BT6" s="689"/>
      <c r="BU6" s="689"/>
      <c r="BV6" s="689"/>
      <c r="BW6" s="689"/>
      <c r="BX6" s="689"/>
      <c r="BY6" s="689"/>
      <c r="BZ6" s="689"/>
      <c r="CA6" s="689"/>
      <c r="CB6" s="693"/>
      <c r="CD6" s="696" t="s">
        <v>230</v>
      </c>
      <c r="CE6" s="697"/>
      <c r="CF6" s="697"/>
      <c r="CG6" s="697"/>
      <c r="CH6" s="697"/>
      <c r="CI6" s="697"/>
      <c r="CJ6" s="697"/>
      <c r="CK6" s="697"/>
      <c r="CL6" s="697"/>
      <c r="CM6" s="697"/>
      <c r="CN6" s="697"/>
      <c r="CO6" s="697"/>
      <c r="CP6" s="697"/>
      <c r="CQ6" s="698"/>
      <c r="CR6" s="685">
        <v>251440</v>
      </c>
      <c r="CS6" s="686"/>
      <c r="CT6" s="686"/>
      <c r="CU6" s="686"/>
      <c r="CV6" s="686"/>
      <c r="CW6" s="686"/>
      <c r="CX6" s="686"/>
      <c r="CY6" s="687"/>
      <c r="CZ6" s="679">
        <v>0.7</v>
      </c>
      <c r="DA6" s="680"/>
      <c r="DB6" s="680"/>
      <c r="DC6" s="699"/>
      <c r="DD6" s="694" t="s">
        <v>128</v>
      </c>
      <c r="DE6" s="686"/>
      <c r="DF6" s="686"/>
      <c r="DG6" s="686"/>
      <c r="DH6" s="686"/>
      <c r="DI6" s="686"/>
      <c r="DJ6" s="686"/>
      <c r="DK6" s="686"/>
      <c r="DL6" s="686"/>
      <c r="DM6" s="686"/>
      <c r="DN6" s="686"/>
      <c r="DO6" s="686"/>
      <c r="DP6" s="687"/>
      <c r="DQ6" s="694">
        <v>251440</v>
      </c>
      <c r="DR6" s="686"/>
      <c r="DS6" s="686"/>
      <c r="DT6" s="686"/>
      <c r="DU6" s="686"/>
      <c r="DV6" s="686"/>
      <c r="DW6" s="686"/>
      <c r="DX6" s="686"/>
      <c r="DY6" s="686"/>
      <c r="DZ6" s="686"/>
      <c r="EA6" s="686"/>
      <c r="EB6" s="686"/>
      <c r="EC6" s="695"/>
    </row>
    <row r="7" spans="2:143" ht="11.25" customHeight="1" x14ac:dyDescent="0.2">
      <c r="B7" s="682" t="s">
        <v>231</v>
      </c>
      <c r="C7" s="683"/>
      <c r="D7" s="683"/>
      <c r="E7" s="683"/>
      <c r="F7" s="683"/>
      <c r="G7" s="683"/>
      <c r="H7" s="683"/>
      <c r="I7" s="683"/>
      <c r="J7" s="683"/>
      <c r="K7" s="683"/>
      <c r="L7" s="683"/>
      <c r="M7" s="683"/>
      <c r="N7" s="683"/>
      <c r="O7" s="683"/>
      <c r="P7" s="683"/>
      <c r="Q7" s="684"/>
      <c r="R7" s="685">
        <v>6866</v>
      </c>
      <c r="S7" s="686"/>
      <c r="T7" s="686"/>
      <c r="U7" s="686"/>
      <c r="V7" s="686"/>
      <c r="W7" s="686"/>
      <c r="X7" s="686"/>
      <c r="Y7" s="687"/>
      <c r="Z7" s="688">
        <v>0</v>
      </c>
      <c r="AA7" s="688"/>
      <c r="AB7" s="688"/>
      <c r="AC7" s="688"/>
      <c r="AD7" s="689">
        <v>6866</v>
      </c>
      <c r="AE7" s="689"/>
      <c r="AF7" s="689"/>
      <c r="AG7" s="689"/>
      <c r="AH7" s="689"/>
      <c r="AI7" s="689"/>
      <c r="AJ7" s="689"/>
      <c r="AK7" s="689"/>
      <c r="AL7" s="690">
        <v>0</v>
      </c>
      <c r="AM7" s="691"/>
      <c r="AN7" s="691"/>
      <c r="AO7" s="692"/>
      <c r="AP7" s="682" t="s">
        <v>232</v>
      </c>
      <c r="AQ7" s="683"/>
      <c r="AR7" s="683"/>
      <c r="AS7" s="683"/>
      <c r="AT7" s="683"/>
      <c r="AU7" s="683"/>
      <c r="AV7" s="683"/>
      <c r="AW7" s="683"/>
      <c r="AX7" s="683"/>
      <c r="AY7" s="683"/>
      <c r="AZ7" s="683"/>
      <c r="BA7" s="683"/>
      <c r="BB7" s="683"/>
      <c r="BC7" s="683"/>
      <c r="BD7" s="683"/>
      <c r="BE7" s="683"/>
      <c r="BF7" s="684"/>
      <c r="BG7" s="685">
        <v>5505225</v>
      </c>
      <c r="BH7" s="686"/>
      <c r="BI7" s="686"/>
      <c r="BJ7" s="686"/>
      <c r="BK7" s="686"/>
      <c r="BL7" s="686"/>
      <c r="BM7" s="686"/>
      <c r="BN7" s="687"/>
      <c r="BO7" s="688">
        <v>42.3</v>
      </c>
      <c r="BP7" s="688"/>
      <c r="BQ7" s="688"/>
      <c r="BR7" s="688"/>
      <c r="BS7" s="689">
        <v>55478</v>
      </c>
      <c r="BT7" s="689"/>
      <c r="BU7" s="689"/>
      <c r="BV7" s="689"/>
      <c r="BW7" s="689"/>
      <c r="BX7" s="689"/>
      <c r="BY7" s="689"/>
      <c r="BZ7" s="689"/>
      <c r="CA7" s="689"/>
      <c r="CB7" s="693"/>
      <c r="CD7" s="700" t="s">
        <v>233</v>
      </c>
      <c r="CE7" s="701"/>
      <c r="CF7" s="701"/>
      <c r="CG7" s="701"/>
      <c r="CH7" s="701"/>
      <c r="CI7" s="701"/>
      <c r="CJ7" s="701"/>
      <c r="CK7" s="701"/>
      <c r="CL7" s="701"/>
      <c r="CM7" s="701"/>
      <c r="CN7" s="701"/>
      <c r="CO7" s="701"/>
      <c r="CP7" s="701"/>
      <c r="CQ7" s="702"/>
      <c r="CR7" s="685">
        <v>12248064</v>
      </c>
      <c r="CS7" s="686"/>
      <c r="CT7" s="686"/>
      <c r="CU7" s="686"/>
      <c r="CV7" s="686"/>
      <c r="CW7" s="686"/>
      <c r="CX7" s="686"/>
      <c r="CY7" s="687"/>
      <c r="CZ7" s="688">
        <v>33.1</v>
      </c>
      <c r="DA7" s="688"/>
      <c r="DB7" s="688"/>
      <c r="DC7" s="688"/>
      <c r="DD7" s="694">
        <v>194187</v>
      </c>
      <c r="DE7" s="686"/>
      <c r="DF7" s="686"/>
      <c r="DG7" s="686"/>
      <c r="DH7" s="686"/>
      <c r="DI7" s="686"/>
      <c r="DJ7" s="686"/>
      <c r="DK7" s="686"/>
      <c r="DL7" s="686"/>
      <c r="DM7" s="686"/>
      <c r="DN7" s="686"/>
      <c r="DO7" s="686"/>
      <c r="DP7" s="687"/>
      <c r="DQ7" s="694">
        <v>3235684</v>
      </c>
      <c r="DR7" s="686"/>
      <c r="DS7" s="686"/>
      <c r="DT7" s="686"/>
      <c r="DU7" s="686"/>
      <c r="DV7" s="686"/>
      <c r="DW7" s="686"/>
      <c r="DX7" s="686"/>
      <c r="DY7" s="686"/>
      <c r="DZ7" s="686"/>
      <c r="EA7" s="686"/>
      <c r="EB7" s="686"/>
      <c r="EC7" s="695"/>
    </row>
    <row r="8" spans="2:143" ht="11.25" customHeight="1" x14ac:dyDescent="0.2">
      <c r="B8" s="682" t="s">
        <v>234</v>
      </c>
      <c r="C8" s="683"/>
      <c r="D8" s="683"/>
      <c r="E8" s="683"/>
      <c r="F8" s="683"/>
      <c r="G8" s="683"/>
      <c r="H8" s="683"/>
      <c r="I8" s="683"/>
      <c r="J8" s="683"/>
      <c r="K8" s="683"/>
      <c r="L8" s="683"/>
      <c r="M8" s="683"/>
      <c r="N8" s="683"/>
      <c r="O8" s="683"/>
      <c r="P8" s="683"/>
      <c r="Q8" s="684"/>
      <c r="R8" s="685">
        <v>58025</v>
      </c>
      <c r="S8" s="686"/>
      <c r="T8" s="686"/>
      <c r="U8" s="686"/>
      <c r="V8" s="686"/>
      <c r="W8" s="686"/>
      <c r="X8" s="686"/>
      <c r="Y8" s="687"/>
      <c r="Z8" s="688">
        <v>0.1</v>
      </c>
      <c r="AA8" s="688"/>
      <c r="AB8" s="688"/>
      <c r="AC8" s="688"/>
      <c r="AD8" s="689">
        <v>58025</v>
      </c>
      <c r="AE8" s="689"/>
      <c r="AF8" s="689"/>
      <c r="AG8" s="689"/>
      <c r="AH8" s="689"/>
      <c r="AI8" s="689"/>
      <c r="AJ8" s="689"/>
      <c r="AK8" s="689"/>
      <c r="AL8" s="690">
        <v>0.3</v>
      </c>
      <c r="AM8" s="691"/>
      <c r="AN8" s="691"/>
      <c r="AO8" s="692"/>
      <c r="AP8" s="682" t="s">
        <v>235</v>
      </c>
      <c r="AQ8" s="683"/>
      <c r="AR8" s="683"/>
      <c r="AS8" s="683"/>
      <c r="AT8" s="683"/>
      <c r="AU8" s="683"/>
      <c r="AV8" s="683"/>
      <c r="AW8" s="683"/>
      <c r="AX8" s="683"/>
      <c r="AY8" s="683"/>
      <c r="AZ8" s="683"/>
      <c r="BA8" s="683"/>
      <c r="BB8" s="683"/>
      <c r="BC8" s="683"/>
      <c r="BD8" s="683"/>
      <c r="BE8" s="683"/>
      <c r="BF8" s="684"/>
      <c r="BG8" s="685">
        <v>150303</v>
      </c>
      <c r="BH8" s="686"/>
      <c r="BI8" s="686"/>
      <c r="BJ8" s="686"/>
      <c r="BK8" s="686"/>
      <c r="BL8" s="686"/>
      <c r="BM8" s="686"/>
      <c r="BN8" s="687"/>
      <c r="BO8" s="688">
        <v>1.2</v>
      </c>
      <c r="BP8" s="688"/>
      <c r="BQ8" s="688"/>
      <c r="BR8" s="688"/>
      <c r="BS8" s="694" t="s">
        <v>236</v>
      </c>
      <c r="BT8" s="686"/>
      <c r="BU8" s="686"/>
      <c r="BV8" s="686"/>
      <c r="BW8" s="686"/>
      <c r="BX8" s="686"/>
      <c r="BY8" s="686"/>
      <c r="BZ8" s="686"/>
      <c r="CA8" s="686"/>
      <c r="CB8" s="695"/>
      <c r="CD8" s="700" t="s">
        <v>237</v>
      </c>
      <c r="CE8" s="701"/>
      <c r="CF8" s="701"/>
      <c r="CG8" s="701"/>
      <c r="CH8" s="701"/>
      <c r="CI8" s="701"/>
      <c r="CJ8" s="701"/>
      <c r="CK8" s="701"/>
      <c r="CL8" s="701"/>
      <c r="CM8" s="701"/>
      <c r="CN8" s="701"/>
      <c r="CO8" s="701"/>
      <c r="CP8" s="701"/>
      <c r="CQ8" s="702"/>
      <c r="CR8" s="685">
        <v>11748340</v>
      </c>
      <c r="CS8" s="686"/>
      <c r="CT8" s="686"/>
      <c r="CU8" s="686"/>
      <c r="CV8" s="686"/>
      <c r="CW8" s="686"/>
      <c r="CX8" s="686"/>
      <c r="CY8" s="687"/>
      <c r="CZ8" s="688">
        <v>31.7</v>
      </c>
      <c r="DA8" s="688"/>
      <c r="DB8" s="688"/>
      <c r="DC8" s="688"/>
      <c r="DD8" s="694">
        <v>79658</v>
      </c>
      <c r="DE8" s="686"/>
      <c r="DF8" s="686"/>
      <c r="DG8" s="686"/>
      <c r="DH8" s="686"/>
      <c r="DI8" s="686"/>
      <c r="DJ8" s="686"/>
      <c r="DK8" s="686"/>
      <c r="DL8" s="686"/>
      <c r="DM8" s="686"/>
      <c r="DN8" s="686"/>
      <c r="DO8" s="686"/>
      <c r="DP8" s="687"/>
      <c r="DQ8" s="694">
        <v>5386798</v>
      </c>
      <c r="DR8" s="686"/>
      <c r="DS8" s="686"/>
      <c r="DT8" s="686"/>
      <c r="DU8" s="686"/>
      <c r="DV8" s="686"/>
      <c r="DW8" s="686"/>
      <c r="DX8" s="686"/>
      <c r="DY8" s="686"/>
      <c r="DZ8" s="686"/>
      <c r="EA8" s="686"/>
      <c r="EB8" s="686"/>
      <c r="EC8" s="695"/>
    </row>
    <row r="9" spans="2:143" ht="11.25" customHeight="1" x14ac:dyDescent="0.2">
      <c r="B9" s="682" t="s">
        <v>238</v>
      </c>
      <c r="C9" s="683"/>
      <c r="D9" s="683"/>
      <c r="E9" s="683"/>
      <c r="F9" s="683"/>
      <c r="G9" s="683"/>
      <c r="H9" s="683"/>
      <c r="I9" s="683"/>
      <c r="J9" s="683"/>
      <c r="K9" s="683"/>
      <c r="L9" s="683"/>
      <c r="M9" s="683"/>
      <c r="N9" s="683"/>
      <c r="O9" s="683"/>
      <c r="P9" s="683"/>
      <c r="Q9" s="684"/>
      <c r="R9" s="685">
        <v>68643</v>
      </c>
      <c r="S9" s="686"/>
      <c r="T9" s="686"/>
      <c r="U9" s="686"/>
      <c r="V9" s="686"/>
      <c r="W9" s="686"/>
      <c r="X9" s="686"/>
      <c r="Y9" s="687"/>
      <c r="Z9" s="688">
        <v>0.2</v>
      </c>
      <c r="AA9" s="688"/>
      <c r="AB9" s="688"/>
      <c r="AC9" s="688"/>
      <c r="AD9" s="689">
        <v>68643</v>
      </c>
      <c r="AE9" s="689"/>
      <c r="AF9" s="689"/>
      <c r="AG9" s="689"/>
      <c r="AH9" s="689"/>
      <c r="AI9" s="689"/>
      <c r="AJ9" s="689"/>
      <c r="AK9" s="689"/>
      <c r="AL9" s="690">
        <v>0.4</v>
      </c>
      <c r="AM9" s="691"/>
      <c r="AN9" s="691"/>
      <c r="AO9" s="692"/>
      <c r="AP9" s="682" t="s">
        <v>239</v>
      </c>
      <c r="AQ9" s="683"/>
      <c r="AR9" s="683"/>
      <c r="AS9" s="683"/>
      <c r="AT9" s="683"/>
      <c r="AU9" s="683"/>
      <c r="AV9" s="683"/>
      <c r="AW9" s="683"/>
      <c r="AX9" s="683"/>
      <c r="AY9" s="683"/>
      <c r="AZ9" s="683"/>
      <c r="BA9" s="683"/>
      <c r="BB9" s="683"/>
      <c r="BC9" s="683"/>
      <c r="BD9" s="683"/>
      <c r="BE9" s="683"/>
      <c r="BF9" s="684"/>
      <c r="BG9" s="685">
        <v>4653481</v>
      </c>
      <c r="BH9" s="686"/>
      <c r="BI9" s="686"/>
      <c r="BJ9" s="686"/>
      <c r="BK9" s="686"/>
      <c r="BL9" s="686"/>
      <c r="BM9" s="686"/>
      <c r="BN9" s="687"/>
      <c r="BO9" s="688">
        <v>35.799999999999997</v>
      </c>
      <c r="BP9" s="688"/>
      <c r="BQ9" s="688"/>
      <c r="BR9" s="688"/>
      <c r="BS9" s="694" t="s">
        <v>128</v>
      </c>
      <c r="BT9" s="686"/>
      <c r="BU9" s="686"/>
      <c r="BV9" s="686"/>
      <c r="BW9" s="686"/>
      <c r="BX9" s="686"/>
      <c r="BY9" s="686"/>
      <c r="BZ9" s="686"/>
      <c r="CA9" s="686"/>
      <c r="CB9" s="695"/>
      <c r="CD9" s="700" t="s">
        <v>240</v>
      </c>
      <c r="CE9" s="701"/>
      <c r="CF9" s="701"/>
      <c r="CG9" s="701"/>
      <c r="CH9" s="701"/>
      <c r="CI9" s="701"/>
      <c r="CJ9" s="701"/>
      <c r="CK9" s="701"/>
      <c r="CL9" s="701"/>
      <c r="CM9" s="701"/>
      <c r="CN9" s="701"/>
      <c r="CO9" s="701"/>
      <c r="CP9" s="701"/>
      <c r="CQ9" s="702"/>
      <c r="CR9" s="685">
        <v>1986998</v>
      </c>
      <c r="CS9" s="686"/>
      <c r="CT9" s="686"/>
      <c r="CU9" s="686"/>
      <c r="CV9" s="686"/>
      <c r="CW9" s="686"/>
      <c r="CX9" s="686"/>
      <c r="CY9" s="687"/>
      <c r="CZ9" s="688">
        <v>5.4</v>
      </c>
      <c r="DA9" s="688"/>
      <c r="DB9" s="688"/>
      <c r="DC9" s="688"/>
      <c r="DD9" s="694">
        <v>18536</v>
      </c>
      <c r="DE9" s="686"/>
      <c r="DF9" s="686"/>
      <c r="DG9" s="686"/>
      <c r="DH9" s="686"/>
      <c r="DI9" s="686"/>
      <c r="DJ9" s="686"/>
      <c r="DK9" s="686"/>
      <c r="DL9" s="686"/>
      <c r="DM9" s="686"/>
      <c r="DN9" s="686"/>
      <c r="DO9" s="686"/>
      <c r="DP9" s="687"/>
      <c r="DQ9" s="694">
        <v>1856312</v>
      </c>
      <c r="DR9" s="686"/>
      <c r="DS9" s="686"/>
      <c r="DT9" s="686"/>
      <c r="DU9" s="686"/>
      <c r="DV9" s="686"/>
      <c r="DW9" s="686"/>
      <c r="DX9" s="686"/>
      <c r="DY9" s="686"/>
      <c r="DZ9" s="686"/>
      <c r="EA9" s="686"/>
      <c r="EB9" s="686"/>
      <c r="EC9" s="695"/>
    </row>
    <row r="10" spans="2:143" ht="11.25" customHeight="1" x14ac:dyDescent="0.2">
      <c r="B10" s="682" t="s">
        <v>241</v>
      </c>
      <c r="C10" s="683"/>
      <c r="D10" s="683"/>
      <c r="E10" s="683"/>
      <c r="F10" s="683"/>
      <c r="G10" s="683"/>
      <c r="H10" s="683"/>
      <c r="I10" s="683"/>
      <c r="J10" s="683"/>
      <c r="K10" s="683"/>
      <c r="L10" s="683"/>
      <c r="M10" s="683"/>
      <c r="N10" s="683"/>
      <c r="O10" s="683"/>
      <c r="P10" s="683"/>
      <c r="Q10" s="684"/>
      <c r="R10" s="685" t="s">
        <v>128</v>
      </c>
      <c r="S10" s="686"/>
      <c r="T10" s="686"/>
      <c r="U10" s="686"/>
      <c r="V10" s="686"/>
      <c r="W10" s="686"/>
      <c r="X10" s="686"/>
      <c r="Y10" s="687"/>
      <c r="Z10" s="688" t="s">
        <v>236</v>
      </c>
      <c r="AA10" s="688"/>
      <c r="AB10" s="688"/>
      <c r="AC10" s="688"/>
      <c r="AD10" s="689" t="s">
        <v>177</v>
      </c>
      <c r="AE10" s="689"/>
      <c r="AF10" s="689"/>
      <c r="AG10" s="689"/>
      <c r="AH10" s="689"/>
      <c r="AI10" s="689"/>
      <c r="AJ10" s="689"/>
      <c r="AK10" s="689"/>
      <c r="AL10" s="690" t="s">
        <v>128</v>
      </c>
      <c r="AM10" s="691"/>
      <c r="AN10" s="691"/>
      <c r="AO10" s="692"/>
      <c r="AP10" s="682" t="s">
        <v>242</v>
      </c>
      <c r="AQ10" s="683"/>
      <c r="AR10" s="683"/>
      <c r="AS10" s="683"/>
      <c r="AT10" s="683"/>
      <c r="AU10" s="683"/>
      <c r="AV10" s="683"/>
      <c r="AW10" s="683"/>
      <c r="AX10" s="683"/>
      <c r="AY10" s="683"/>
      <c r="AZ10" s="683"/>
      <c r="BA10" s="683"/>
      <c r="BB10" s="683"/>
      <c r="BC10" s="683"/>
      <c r="BD10" s="683"/>
      <c r="BE10" s="683"/>
      <c r="BF10" s="684"/>
      <c r="BG10" s="685">
        <v>241666</v>
      </c>
      <c r="BH10" s="686"/>
      <c r="BI10" s="686"/>
      <c r="BJ10" s="686"/>
      <c r="BK10" s="686"/>
      <c r="BL10" s="686"/>
      <c r="BM10" s="686"/>
      <c r="BN10" s="687"/>
      <c r="BO10" s="688">
        <v>1.9</v>
      </c>
      <c r="BP10" s="688"/>
      <c r="BQ10" s="688"/>
      <c r="BR10" s="688"/>
      <c r="BS10" s="694" t="s">
        <v>236</v>
      </c>
      <c r="BT10" s="686"/>
      <c r="BU10" s="686"/>
      <c r="BV10" s="686"/>
      <c r="BW10" s="686"/>
      <c r="BX10" s="686"/>
      <c r="BY10" s="686"/>
      <c r="BZ10" s="686"/>
      <c r="CA10" s="686"/>
      <c r="CB10" s="695"/>
      <c r="CD10" s="700" t="s">
        <v>243</v>
      </c>
      <c r="CE10" s="701"/>
      <c r="CF10" s="701"/>
      <c r="CG10" s="701"/>
      <c r="CH10" s="701"/>
      <c r="CI10" s="701"/>
      <c r="CJ10" s="701"/>
      <c r="CK10" s="701"/>
      <c r="CL10" s="701"/>
      <c r="CM10" s="701"/>
      <c r="CN10" s="701"/>
      <c r="CO10" s="701"/>
      <c r="CP10" s="701"/>
      <c r="CQ10" s="702"/>
      <c r="CR10" s="685">
        <v>41271</v>
      </c>
      <c r="CS10" s="686"/>
      <c r="CT10" s="686"/>
      <c r="CU10" s="686"/>
      <c r="CV10" s="686"/>
      <c r="CW10" s="686"/>
      <c r="CX10" s="686"/>
      <c r="CY10" s="687"/>
      <c r="CZ10" s="688">
        <v>0.1</v>
      </c>
      <c r="DA10" s="688"/>
      <c r="DB10" s="688"/>
      <c r="DC10" s="688"/>
      <c r="DD10" s="694" t="s">
        <v>236</v>
      </c>
      <c r="DE10" s="686"/>
      <c r="DF10" s="686"/>
      <c r="DG10" s="686"/>
      <c r="DH10" s="686"/>
      <c r="DI10" s="686"/>
      <c r="DJ10" s="686"/>
      <c r="DK10" s="686"/>
      <c r="DL10" s="686"/>
      <c r="DM10" s="686"/>
      <c r="DN10" s="686"/>
      <c r="DO10" s="686"/>
      <c r="DP10" s="687"/>
      <c r="DQ10" s="694">
        <v>9330</v>
      </c>
      <c r="DR10" s="686"/>
      <c r="DS10" s="686"/>
      <c r="DT10" s="686"/>
      <c r="DU10" s="686"/>
      <c r="DV10" s="686"/>
      <c r="DW10" s="686"/>
      <c r="DX10" s="686"/>
      <c r="DY10" s="686"/>
      <c r="DZ10" s="686"/>
      <c r="EA10" s="686"/>
      <c r="EB10" s="686"/>
      <c r="EC10" s="695"/>
    </row>
    <row r="11" spans="2:143" ht="11.25" customHeight="1" x14ac:dyDescent="0.2">
      <c r="B11" s="682" t="s">
        <v>244</v>
      </c>
      <c r="C11" s="683"/>
      <c r="D11" s="683"/>
      <c r="E11" s="683"/>
      <c r="F11" s="683"/>
      <c r="G11" s="683"/>
      <c r="H11" s="683"/>
      <c r="I11" s="683"/>
      <c r="J11" s="683"/>
      <c r="K11" s="683"/>
      <c r="L11" s="683"/>
      <c r="M11" s="683"/>
      <c r="N11" s="683"/>
      <c r="O11" s="683"/>
      <c r="P11" s="683"/>
      <c r="Q11" s="684"/>
      <c r="R11" s="685">
        <v>1778221</v>
      </c>
      <c r="S11" s="686"/>
      <c r="T11" s="686"/>
      <c r="U11" s="686"/>
      <c r="V11" s="686"/>
      <c r="W11" s="686"/>
      <c r="X11" s="686"/>
      <c r="Y11" s="687"/>
      <c r="Z11" s="690">
        <v>4.5999999999999996</v>
      </c>
      <c r="AA11" s="691"/>
      <c r="AB11" s="691"/>
      <c r="AC11" s="703"/>
      <c r="AD11" s="694">
        <v>1778221</v>
      </c>
      <c r="AE11" s="686"/>
      <c r="AF11" s="686"/>
      <c r="AG11" s="686"/>
      <c r="AH11" s="686"/>
      <c r="AI11" s="686"/>
      <c r="AJ11" s="686"/>
      <c r="AK11" s="687"/>
      <c r="AL11" s="690">
        <v>10.5</v>
      </c>
      <c r="AM11" s="691"/>
      <c r="AN11" s="691"/>
      <c r="AO11" s="692"/>
      <c r="AP11" s="682" t="s">
        <v>245</v>
      </c>
      <c r="AQ11" s="683"/>
      <c r="AR11" s="683"/>
      <c r="AS11" s="683"/>
      <c r="AT11" s="683"/>
      <c r="AU11" s="683"/>
      <c r="AV11" s="683"/>
      <c r="AW11" s="683"/>
      <c r="AX11" s="683"/>
      <c r="AY11" s="683"/>
      <c r="AZ11" s="683"/>
      <c r="BA11" s="683"/>
      <c r="BB11" s="683"/>
      <c r="BC11" s="683"/>
      <c r="BD11" s="683"/>
      <c r="BE11" s="683"/>
      <c r="BF11" s="684"/>
      <c r="BG11" s="685">
        <v>459775</v>
      </c>
      <c r="BH11" s="686"/>
      <c r="BI11" s="686"/>
      <c r="BJ11" s="686"/>
      <c r="BK11" s="686"/>
      <c r="BL11" s="686"/>
      <c r="BM11" s="686"/>
      <c r="BN11" s="687"/>
      <c r="BO11" s="688">
        <v>3.5</v>
      </c>
      <c r="BP11" s="688"/>
      <c r="BQ11" s="688"/>
      <c r="BR11" s="688"/>
      <c r="BS11" s="694">
        <v>55478</v>
      </c>
      <c r="BT11" s="686"/>
      <c r="BU11" s="686"/>
      <c r="BV11" s="686"/>
      <c r="BW11" s="686"/>
      <c r="BX11" s="686"/>
      <c r="BY11" s="686"/>
      <c r="BZ11" s="686"/>
      <c r="CA11" s="686"/>
      <c r="CB11" s="695"/>
      <c r="CD11" s="700" t="s">
        <v>246</v>
      </c>
      <c r="CE11" s="701"/>
      <c r="CF11" s="701"/>
      <c r="CG11" s="701"/>
      <c r="CH11" s="701"/>
      <c r="CI11" s="701"/>
      <c r="CJ11" s="701"/>
      <c r="CK11" s="701"/>
      <c r="CL11" s="701"/>
      <c r="CM11" s="701"/>
      <c r="CN11" s="701"/>
      <c r="CO11" s="701"/>
      <c r="CP11" s="701"/>
      <c r="CQ11" s="702"/>
      <c r="CR11" s="685">
        <v>366114</v>
      </c>
      <c r="CS11" s="686"/>
      <c r="CT11" s="686"/>
      <c r="CU11" s="686"/>
      <c r="CV11" s="686"/>
      <c r="CW11" s="686"/>
      <c r="CX11" s="686"/>
      <c r="CY11" s="687"/>
      <c r="CZ11" s="688">
        <v>1</v>
      </c>
      <c r="DA11" s="688"/>
      <c r="DB11" s="688"/>
      <c r="DC11" s="688"/>
      <c r="DD11" s="694">
        <v>162814</v>
      </c>
      <c r="DE11" s="686"/>
      <c r="DF11" s="686"/>
      <c r="DG11" s="686"/>
      <c r="DH11" s="686"/>
      <c r="DI11" s="686"/>
      <c r="DJ11" s="686"/>
      <c r="DK11" s="686"/>
      <c r="DL11" s="686"/>
      <c r="DM11" s="686"/>
      <c r="DN11" s="686"/>
      <c r="DO11" s="686"/>
      <c r="DP11" s="687"/>
      <c r="DQ11" s="694">
        <v>123190</v>
      </c>
      <c r="DR11" s="686"/>
      <c r="DS11" s="686"/>
      <c r="DT11" s="686"/>
      <c r="DU11" s="686"/>
      <c r="DV11" s="686"/>
      <c r="DW11" s="686"/>
      <c r="DX11" s="686"/>
      <c r="DY11" s="686"/>
      <c r="DZ11" s="686"/>
      <c r="EA11" s="686"/>
      <c r="EB11" s="686"/>
      <c r="EC11" s="695"/>
    </row>
    <row r="12" spans="2:143" ht="11.25" customHeight="1" x14ac:dyDescent="0.2">
      <c r="B12" s="682" t="s">
        <v>247</v>
      </c>
      <c r="C12" s="683"/>
      <c r="D12" s="683"/>
      <c r="E12" s="683"/>
      <c r="F12" s="683"/>
      <c r="G12" s="683"/>
      <c r="H12" s="683"/>
      <c r="I12" s="683"/>
      <c r="J12" s="683"/>
      <c r="K12" s="683"/>
      <c r="L12" s="683"/>
      <c r="M12" s="683"/>
      <c r="N12" s="683"/>
      <c r="O12" s="683"/>
      <c r="P12" s="683"/>
      <c r="Q12" s="684"/>
      <c r="R12" s="685">
        <v>11919</v>
      </c>
      <c r="S12" s="686"/>
      <c r="T12" s="686"/>
      <c r="U12" s="686"/>
      <c r="V12" s="686"/>
      <c r="W12" s="686"/>
      <c r="X12" s="686"/>
      <c r="Y12" s="687"/>
      <c r="Z12" s="688">
        <v>0</v>
      </c>
      <c r="AA12" s="688"/>
      <c r="AB12" s="688"/>
      <c r="AC12" s="688"/>
      <c r="AD12" s="689">
        <v>11919</v>
      </c>
      <c r="AE12" s="689"/>
      <c r="AF12" s="689"/>
      <c r="AG12" s="689"/>
      <c r="AH12" s="689"/>
      <c r="AI12" s="689"/>
      <c r="AJ12" s="689"/>
      <c r="AK12" s="689"/>
      <c r="AL12" s="690">
        <v>0.1</v>
      </c>
      <c r="AM12" s="691"/>
      <c r="AN12" s="691"/>
      <c r="AO12" s="692"/>
      <c r="AP12" s="682" t="s">
        <v>248</v>
      </c>
      <c r="AQ12" s="683"/>
      <c r="AR12" s="683"/>
      <c r="AS12" s="683"/>
      <c r="AT12" s="683"/>
      <c r="AU12" s="683"/>
      <c r="AV12" s="683"/>
      <c r="AW12" s="683"/>
      <c r="AX12" s="683"/>
      <c r="AY12" s="683"/>
      <c r="AZ12" s="683"/>
      <c r="BA12" s="683"/>
      <c r="BB12" s="683"/>
      <c r="BC12" s="683"/>
      <c r="BD12" s="683"/>
      <c r="BE12" s="683"/>
      <c r="BF12" s="684"/>
      <c r="BG12" s="685">
        <v>5992279</v>
      </c>
      <c r="BH12" s="686"/>
      <c r="BI12" s="686"/>
      <c r="BJ12" s="686"/>
      <c r="BK12" s="686"/>
      <c r="BL12" s="686"/>
      <c r="BM12" s="686"/>
      <c r="BN12" s="687"/>
      <c r="BO12" s="688">
        <v>46</v>
      </c>
      <c r="BP12" s="688"/>
      <c r="BQ12" s="688"/>
      <c r="BR12" s="688"/>
      <c r="BS12" s="694" t="s">
        <v>128</v>
      </c>
      <c r="BT12" s="686"/>
      <c r="BU12" s="686"/>
      <c r="BV12" s="686"/>
      <c r="BW12" s="686"/>
      <c r="BX12" s="686"/>
      <c r="BY12" s="686"/>
      <c r="BZ12" s="686"/>
      <c r="CA12" s="686"/>
      <c r="CB12" s="695"/>
      <c r="CD12" s="700" t="s">
        <v>249</v>
      </c>
      <c r="CE12" s="701"/>
      <c r="CF12" s="701"/>
      <c r="CG12" s="701"/>
      <c r="CH12" s="701"/>
      <c r="CI12" s="701"/>
      <c r="CJ12" s="701"/>
      <c r="CK12" s="701"/>
      <c r="CL12" s="701"/>
      <c r="CM12" s="701"/>
      <c r="CN12" s="701"/>
      <c r="CO12" s="701"/>
      <c r="CP12" s="701"/>
      <c r="CQ12" s="702"/>
      <c r="CR12" s="685">
        <v>506329</v>
      </c>
      <c r="CS12" s="686"/>
      <c r="CT12" s="686"/>
      <c r="CU12" s="686"/>
      <c r="CV12" s="686"/>
      <c r="CW12" s="686"/>
      <c r="CX12" s="686"/>
      <c r="CY12" s="687"/>
      <c r="CZ12" s="688">
        <v>1.4</v>
      </c>
      <c r="DA12" s="688"/>
      <c r="DB12" s="688"/>
      <c r="DC12" s="688"/>
      <c r="DD12" s="694" t="s">
        <v>236</v>
      </c>
      <c r="DE12" s="686"/>
      <c r="DF12" s="686"/>
      <c r="DG12" s="686"/>
      <c r="DH12" s="686"/>
      <c r="DI12" s="686"/>
      <c r="DJ12" s="686"/>
      <c r="DK12" s="686"/>
      <c r="DL12" s="686"/>
      <c r="DM12" s="686"/>
      <c r="DN12" s="686"/>
      <c r="DO12" s="686"/>
      <c r="DP12" s="687"/>
      <c r="DQ12" s="694">
        <v>505258</v>
      </c>
      <c r="DR12" s="686"/>
      <c r="DS12" s="686"/>
      <c r="DT12" s="686"/>
      <c r="DU12" s="686"/>
      <c r="DV12" s="686"/>
      <c r="DW12" s="686"/>
      <c r="DX12" s="686"/>
      <c r="DY12" s="686"/>
      <c r="DZ12" s="686"/>
      <c r="EA12" s="686"/>
      <c r="EB12" s="686"/>
      <c r="EC12" s="695"/>
    </row>
    <row r="13" spans="2:143" ht="11.25" customHeight="1" x14ac:dyDescent="0.2">
      <c r="B13" s="682" t="s">
        <v>250</v>
      </c>
      <c r="C13" s="683"/>
      <c r="D13" s="683"/>
      <c r="E13" s="683"/>
      <c r="F13" s="683"/>
      <c r="G13" s="683"/>
      <c r="H13" s="683"/>
      <c r="I13" s="683"/>
      <c r="J13" s="683"/>
      <c r="K13" s="683"/>
      <c r="L13" s="683"/>
      <c r="M13" s="683"/>
      <c r="N13" s="683"/>
      <c r="O13" s="683"/>
      <c r="P13" s="683"/>
      <c r="Q13" s="684"/>
      <c r="R13" s="685" t="s">
        <v>236</v>
      </c>
      <c r="S13" s="686"/>
      <c r="T13" s="686"/>
      <c r="U13" s="686"/>
      <c r="V13" s="686"/>
      <c r="W13" s="686"/>
      <c r="X13" s="686"/>
      <c r="Y13" s="687"/>
      <c r="Z13" s="688" t="s">
        <v>128</v>
      </c>
      <c r="AA13" s="688"/>
      <c r="AB13" s="688"/>
      <c r="AC13" s="688"/>
      <c r="AD13" s="689" t="s">
        <v>128</v>
      </c>
      <c r="AE13" s="689"/>
      <c r="AF13" s="689"/>
      <c r="AG13" s="689"/>
      <c r="AH13" s="689"/>
      <c r="AI13" s="689"/>
      <c r="AJ13" s="689"/>
      <c r="AK13" s="689"/>
      <c r="AL13" s="690" t="s">
        <v>128</v>
      </c>
      <c r="AM13" s="691"/>
      <c r="AN13" s="691"/>
      <c r="AO13" s="692"/>
      <c r="AP13" s="682" t="s">
        <v>251</v>
      </c>
      <c r="AQ13" s="683"/>
      <c r="AR13" s="683"/>
      <c r="AS13" s="683"/>
      <c r="AT13" s="683"/>
      <c r="AU13" s="683"/>
      <c r="AV13" s="683"/>
      <c r="AW13" s="683"/>
      <c r="AX13" s="683"/>
      <c r="AY13" s="683"/>
      <c r="AZ13" s="683"/>
      <c r="BA13" s="683"/>
      <c r="BB13" s="683"/>
      <c r="BC13" s="683"/>
      <c r="BD13" s="683"/>
      <c r="BE13" s="683"/>
      <c r="BF13" s="684"/>
      <c r="BG13" s="685">
        <v>5951723</v>
      </c>
      <c r="BH13" s="686"/>
      <c r="BI13" s="686"/>
      <c r="BJ13" s="686"/>
      <c r="BK13" s="686"/>
      <c r="BL13" s="686"/>
      <c r="BM13" s="686"/>
      <c r="BN13" s="687"/>
      <c r="BO13" s="688">
        <v>45.7</v>
      </c>
      <c r="BP13" s="688"/>
      <c r="BQ13" s="688"/>
      <c r="BR13" s="688"/>
      <c r="BS13" s="694" t="s">
        <v>128</v>
      </c>
      <c r="BT13" s="686"/>
      <c r="BU13" s="686"/>
      <c r="BV13" s="686"/>
      <c r="BW13" s="686"/>
      <c r="BX13" s="686"/>
      <c r="BY13" s="686"/>
      <c r="BZ13" s="686"/>
      <c r="CA13" s="686"/>
      <c r="CB13" s="695"/>
      <c r="CD13" s="700" t="s">
        <v>252</v>
      </c>
      <c r="CE13" s="701"/>
      <c r="CF13" s="701"/>
      <c r="CG13" s="701"/>
      <c r="CH13" s="701"/>
      <c r="CI13" s="701"/>
      <c r="CJ13" s="701"/>
      <c r="CK13" s="701"/>
      <c r="CL13" s="701"/>
      <c r="CM13" s="701"/>
      <c r="CN13" s="701"/>
      <c r="CO13" s="701"/>
      <c r="CP13" s="701"/>
      <c r="CQ13" s="702"/>
      <c r="CR13" s="685">
        <v>3257692</v>
      </c>
      <c r="CS13" s="686"/>
      <c r="CT13" s="686"/>
      <c r="CU13" s="686"/>
      <c r="CV13" s="686"/>
      <c r="CW13" s="686"/>
      <c r="CX13" s="686"/>
      <c r="CY13" s="687"/>
      <c r="CZ13" s="688">
        <v>8.8000000000000007</v>
      </c>
      <c r="DA13" s="688"/>
      <c r="DB13" s="688"/>
      <c r="DC13" s="688"/>
      <c r="DD13" s="694">
        <v>1210809</v>
      </c>
      <c r="DE13" s="686"/>
      <c r="DF13" s="686"/>
      <c r="DG13" s="686"/>
      <c r="DH13" s="686"/>
      <c r="DI13" s="686"/>
      <c r="DJ13" s="686"/>
      <c r="DK13" s="686"/>
      <c r="DL13" s="686"/>
      <c r="DM13" s="686"/>
      <c r="DN13" s="686"/>
      <c r="DO13" s="686"/>
      <c r="DP13" s="687"/>
      <c r="DQ13" s="694">
        <v>2369727</v>
      </c>
      <c r="DR13" s="686"/>
      <c r="DS13" s="686"/>
      <c r="DT13" s="686"/>
      <c r="DU13" s="686"/>
      <c r="DV13" s="686"/>
      <c r="DW13" s="686"/>
      <c r="DX13" s="686"/>
      <c r="DY13" s="686"/>
      <c r="DZ13" s="686"/>
      <c r="EA13" s="686"/>
      <c r="EB13" s="686"/>
      <c r="EC13" s="695"/>
    </row>
    <row r="14" spans="2:143" ht="11.25" customHeight="1" x14ac:dyDescent="0.2">
      <c r="B14" s="682" t="s">
        <v>253</v>
      </c>
      <c r="C14" s="683"/>
      <c r="D14" s="683"/>
      <c r="E14" s="683"/>
      <c r="F14" s="683"/>
      <c r="G14" s="683"/>
      <c r="H14" s="683"/>
      <c r="I14" s="683"/>
      <c r="J14" s="683"/>
      <c r="K14" s="683"/>
      <c r="L14" s="683"/>
      <c r="M14" s="683"/>
      <c r="N14" s="683"/>
      <c r="O14" s="683"/>
      <c r="P14" s="683"/>
      <c r="Q14" s="684"/>
      <c r="R14" s="685">
        <v>49</v>
      </c>
      <c r="S14" s="686"/>
      <c r="T14" s="686"/>
      <c r="U14" s="686"/>
      <c r="V14" s="686"/>
      <c r="W14" s="686"/>
      <c r="X14" s="686"/>
      <c r="Y14" s="687"/>
      <c r="Z14" s="688">
        <v>0</v>
      </c>
      <c r="AA14" s="688"/>
      <c r="AB14" s="688"/>
      <c r="AC14" s="688"/>
      <c r="AD14" s="689">
        <v>49</v>
      </c>
      <c r="AE14" s="689"/>
      <c r="AF14" s="689"/>
      <c r="AG14" s="689"/>
      <c r="AH14" s="689"/>
      <c r="AI14" s="689"/>
      <c r="AJ14" s="689"/>
      <c r="AK14" s="689"/>
      <c r="AL14" s="690">
        <v>0</v>
      </c>
      <c r="AM14" s="691"/>
      <c r="AN14" s="691"/>
      <c r="AO14" s="692"/>
      <c r="AP14" s="682" t="s">
        <v>254</v>
      </c>
      <c r="AQ14" s="683"/>
      <c r="AR14" s="683"/>
      <c r="AS14" s="683"/>
      <c r="AT14" s="683"/>
      <c r="AU14" s="683"/>
      <c r="AV14" s="683"/>
      <c r="AW14" s="683"/>
      <c r="AX14" s="683"/>
      <c r="AY14" s="683"/>
      <c r="AZ14" s="683"/>
      <c r="BA14" s="683"/>
      <c r="BB14" s="683"/>
      <c r="BC14" s="683"/>
      <c r="BD14" s="683"/>
      <c r="BE14" s="683"/>
      <c r="BF14" s="684"/>
      <c r="BG14" s="685">
        <v>169292</v>
      </c>
      <c r="BH14" s="686"/>
      <c r="BI14" s="686"/>
      <c r="BJ14" s="686"/>
      <c r="BK14" s="686"/>
      <c r="BL14" s="686"/>
      <c r="BM14" s="686"/>
      <c r="BN14" s="687"/>
      <c r="BO14" s="688">
        <v>1.3</v>
      </c>
      <c r="BP14" s="688"/>
      <c r="BQ14" s="688"/>
      <c r="BR14" s="688"/>
      <c r="BS14" s="694" t="s">
        <v>128</v>
      </c>
      <c r="BT14" s="686"/>
      <c r="BU14" s="686"/>
      <c r="BV14" s="686"/>
      <c r="BW14" s="686"/>
      <c r="BX14" s="686"/>
      <c r="BY14" s="686"/>
      <c r="BZ14" s="686"/>
      <c r="CA14" s="686"/>
      <c r="CB14" s="695"/>
      <c r="CD14" s="700" t="s">
        <v>255</v>
      </c>
      <c r="CE14" s="701"/>
      <c r="CF14" s="701"/>
      <c r="CG14" s="701"/>
      <c r="CH14" s="701"/>
      <c r="CI14" s="701"/>
      <c r="CJ14" s="701"/>
      <c r="CK14" s="701"/>
      <c r="CL14" s="701"/>
      <c r="CM14" s="701"/>
      <c r="CN14" s="701"/>
      <c r="CO14" s="701"/>
      <c r="CP14" s="701"/>
      <c r="CQ14" s="702"/>
      <c r="CR14" s="685">
        <v>1590171</v>
      </c>
      <c r="CS14" s="686"/>
      <c r="CT14" s="686"/>
      <c r="CU14" s="686"/>
      <c r="CV14" s="686"/>
      <c r="CW14" s="686"/>
      <c r="CX14" s="686"/>
      <c r="CY14" s="687"/>
      <c r="CZ14" s="688">
        <v>4.3</v>
      </c>
      <c r="DA14" s="688"/>
      <c r="DB14" s="688"/>
      <c r="DC14" s="688"/>
      <c r="DD14" s="694">
        <v>298179</v>
      </c>
      <c r="DE14" s="686"/>
      <c r="DF14" s="686"/>
      <c r="DG14" s="686"/>
      <c r="DH14" s="686"/>
      <c r="DI14" s="686"/>
      <c r="DJ14" s="686"/>
      <c r="DK14" s="686"/>
      <c r="DL14" s="686"/>
      <c r="DM14" s="686"/>
      <c r="DN14" s="686"/>
      <c r="DO14" s="686"/>
      <c r="DP14" s="687"/>
      <c r="DQ14" s="694">
        <v>1318853</v>
      </c>
      <c r="DR14" s="686"/>
      <c r="DS14" s="686"/>
      <c r="DT14" s="686"/>
      <c r="DU14" s="686"/>
      <c r="DV14" s="686"/>
      <c r="DW14" s="686"/>
      <c r="DX14" s="686"/>
      <c r="DY14" s="686"/>
      <c r="DZ14" s="686"/>
      <c r="EA14" s="686"/>
      <c r="EB14" s="686"/>
      <c r="EC14" s="695"/>
    </row>
    <row r="15" spans="2:143" ht="11.25" customHeight="1" x14ac:dyDescent="0.2">
      <c r="B15" s="682" t="s">
        <v>256</v>
      </c>
      <c r="C15" s="683"/>
      <c r="D15" s="683"/>
      <c r="E15" s="683"/>
      <c r="F15" s="683"/>
      <c r="G15" s="683"/>
      <c r="H15" s="683"/>
      <c r="I15" s="683"/>
      <c r="J15" s="683"/>
      <c r="K15" s="683"/>
      <c r="L15" s="683"/>
      <c r="M15" s="683"/>
      <c r="N15" s="683"/>
      <c r="O15" s="683"/>
      <c r="P15" s="683"/>
      <c r="Q15" s="684"/>
      <c r="R15" s="685" t="s">
        <v>128</v>
      </c>
      <c r="S15" s="686"/>
      <c r="T15" s="686"/>
      <c r="U15" s="686"/>
      <c r="V15" s="686"/>
      <c r="W15" s="686"/>
      <c r="X15" s="686"/>
      <c r="Y15" s="687"/>
      <c r="Z15" s="688" t="s">
        <v>128</v>
      </c>
      <c r="AA15" s="688"/>
      <c r="AB15" s="688"/>
      <c r="AC15" s="688"/>
      <c r="AD15" s="689" t="s">
        <v>128</v>
      </c>
      <c r="AE15" s="689"/>
      <c r="AF15" s="689"/>
      <c r="AG15" s="689"/>
      <c r="AH15" s="689"/>
      <c r="AI15" s="689"/>
      <c r="AJ15" s="689"/>
      <c r="AK15" s="689"/>
      <c r="AL15" s="690" t="s">
        <v>128</v>
      </c>
      <c r="AM15" s="691"/>
      <c r="AN15" s="691"/>
      <c r="AO15" s="692"/>
      <c r="AP15" s="682" t="s">
        <v>257</v>
      </c>
      <c r="AQ15" s="683"/>
      <c r="AR15" s="683"/>
      <c r="AS15" s="683"/>
      <c r="AT15" s="683"/>
      <c r="AU15" s="683"/>
      <c r="AV15" s="683"/>
      <c r="AW15" s="683"/>
      <c r="AX15" s="683"/>
      <c r="AY15" s="683"/>
      <c r="AZ15" s="683"/>
      <c r="BA15" s="683"/>
      <c r="BB15" s="683"/>
      <c r="BC15" s="683"/>
      <c r="BD15" s="683"/>
      <c r="BE15" s="683"/>
      <c r="BF15" s="684"/>
      <c r="BG15" s="685">
        <v>578120</v>
      </c>
      <c r="BH15" s="686"/>
      <c r="BI15" s="686"/>
      <c r="BJ15" s="686"/>
      <c r="BK15" s="686"/>
      <c r="BL15" s="686"/>
      <c r="BM15" s="686"/>
      <c r="BN15" s="687"/>
      <c r="BO15" s="688">
        <v>4.4000000000000004</v>
      </c>
      <c r="BP15" s="688"/>
      <c r="BQ15" s="688"/>
      <c r="BR15" s="688"/>
      <c r="BS15" s="694" t="s">
        <v>236</v>
      </c>
      <c r="BT15" s="686"/>
      <c r="BU15" s="686"/>
      <c r="BV15" s="686"/>
      <c r="BW15" s="686"/>
      <c r="BX15" s="686"/>
      <c r="BY15" s="686"/>
      <c r="BZ15" s="686"/>
      <c r="CA15" s="686"/>
      <c r="CB15" s="695"/>
      <c r="CD15" s="700" t="s">
        <v>258</v>
      </c>
      <c r="CE15" s="701"/>
      <c r="CF15" s="701"/>
      <c r="CG15" s="701"/>
      <c r="CH15" s="701"/>
      <c r="CI15" s="701"/>
      <c r="CJ15" s="701"/>
      <c r="CK15" s="701"/>
      <c r="CL15" s="701"/>
      <c r="CM15" s="701"/>
      <c r="CN15" s="701"/>
      <c r="CO15" s="701"/>
      <c r="CP15" s="701"/>
      <c r="CQ15" s="702"/>
      <c r="CR15" s="685">
        <v>3041924</v>
      </c>
      <c r="CS15" s="686"/>
      <c r="CT15" s="686"/>
      <c r="CU15" s="686"/>
      <c r="CV15" s="686"/>
      <c r="CW15" s="686"/>
      <c r="CX15" s="686"/>
      <c r="CY15" s="687"/>
      <c r="CZ15" s="688">
        <v>8.1999999999999993</v>
      </c>
      <c r="DA15" s="688"/>
      <c r="DB15" s="688"/>
      <c r="DC15" s="688"/>
      <c r="DD15" s="694">
        <v>454827</v>
      </c>
      <c r="DE15" s="686"/>
      <c r="DF15" s="686"/>
      <c r="DG15" s="686"/>
      <c r="DH15" s="686"/>
      <c r="DI15" s="686"/>
      <c r="DJ15" s="686"/>
      <c r="DK15" s="686"/>
      <c r="DL15" s="686"/>
      <c r="DM15" s="686"/>
      <c r="DN15" s="686"/>
      <c r="DO15" s="686"/>
      <c r="DP15" s="687"/>
      <c r="DQ15" s="694">
        <v>2150011</v>
      </c>
      <c r="DR15" s="686"/>
      <c r="DS15" s="686"/>
      <c r="DT15" s="686"/>
      <c r="DU15" s="686"/>
      <c r="DV15" s="686"/>
      <c r="DW15" s="686"/>
      <c r="DX15" s="686"/>
      <c r="DY15" s="686"/>
      <c r="DZ15" s="686"/>
      <c r="EA15" s="686"/>
      <c r="EB15" s="686"/>
      <c r="EC15" s="695"/>
    </row>
    <row r="16" spans="2:143" ht="11.25" customHeight="1" x14ac:dyDescent="0.2">
      <c r="B16" s="682" t="s">
        <v>259</v>
      </c>
      <c r="C16" s="683"/>
      <c r="D16" s="683"/>
      <c r="E16" s="683"/>
      <c r="F16" s="683"/>
      <c r="G16" s="683"/>
      <c r="H16" s="683"/>
      <c r="I16" s="683"/>
      <c r="J16" s="683"/>
      <c r="K16" s="683"/>
      <c r="L16" s="683"/>
      <c r="M16" s="683"/>
      <c r="N16" s="683"/>
      <c r="O16" s="683"/>
      <c r="P16" s="683"/>
      <c r="Q16" s="684"/>
      <c r="R16" s="685">
        <v>30782</v>
      </c>
      <c r="S16" s="686"/>
      <c r="T16" s="686"/>
      <c r="U16" s="686"/>
      <c r="V16" s="686"/>
      <c r="W16" s="686"/>
      <c r="X16" s="686"/>
      <c r="Y16" s="687"/>
      <c r="Z16" s="688">
        <v>0.1</v>
      </c>
      <c r="AA16" s="688"/>
      <c r="AB16" s="688"/>
      <c r="AC16" s="688"/>
      <c r="AD16" s="689">
        <v>30782</v>
      </c>
      <c r="AE16" s="689"/>
      <c r="AF16" s="689"/>
      <c r="AG16" s="689"/>
      <c r="AH16" s="689"/>
      <c r="AI16" s="689"/>
      <c r="AJ16" s="689"/>
      <c r="AK16" s="689"/>
      <c r="AL16" s="690">
        <v>0.2</v>
      </c>
      <c r="AM16" s="691"/>
      <c r="AN16" s="691"/>
      <c r="AO16" s="692"/>
      <c r="AP16" s="682" t="s">
        <v>260</v>
      </c>
      <c r="AQ16" s="683"/>
      <c r="AR16" s="683"/>
      <c r="AS16" s="683"/>
      <c r="AT16" s="683"/>
      <c r="AU16" s="683"/>
      <c r="AV16" s="683"/>
      <c r="AW16" s="683"/>
      <c r="AX16" s="683"/>
      <c r="AY16" s="683"/>
      <c r="AZ16" s="683"/>
      <c r="BA16" s="683"/>
      <c r="BB16" s="683"/>
      <c r="BC16" s="683"/>
      <c r="BD16" s="683"/>
      <c r="BE16" s="683"/>
      <c r="BF16" s="684"/>
      <c r="BG16" s="685" t="s">
        <v>128</v>
      </c>
      <c r="BH16" s="686"/>
      <c r="BI16" s="686"/>
      <c r="BJ16" s="686"/>
      <c r="BK16" s="686"/>
      <c r="BL16" s="686"/>
      <c r="BM16" s="686"/>
      <c r="BN16" s="687"/>
      <c r="BO16" s="688" t="s">
        <v>236</v>
      </c>
      <c r="BP16" s="688"/>
      <c r="BQ16" s="688"/>
      <c r="BR16" s="688"/>
      <c r="BS16" s="694" t="s">
        <v>128</v>
      </c>
      <c r="BT16" s="686"/>
      <c r="BU16" s="686"/>
      <c r="BV16" s="686"/>
      <c r="BW16" s="686"/>
      <c r="BX16" s="686"/>
      <c r="BY16" s="686"/>
      <c r="BZ16" s="686"/>
      <c r="CA16" s="686"/>
      <c r="CB16" s="695"/>
      <c r="CD16" s="700" t="s">
        <v>261</v>
      </c>
      <c r="CE16" s="701"/>
      <c r="CF16" s="701"/>
      <c r="CG16" s="701"/>
      <c r="CH16" s="701"/>
      <c r="CI16" s="701"/>
      <c r="CJ16" s="701"/>
      <c r="CK16" s="701"/>
      <c r="CL16" s="701"/>
      <c r="CM16" s="701"/>
      <c r="CN16" s="701"/>
      <c r="CO16" s="701"/>
      <c r="CP16" s="701"/>
      <c r="CQ16" s="702"/>
      <c r="CR16" s="685" t="s">
        <v>236</v>
      </c>
      <c r="CS16" s="686"/>
      <c r="CT16" s="686"/>
      <c r="CU16" s="686"/>
      <c r="CV16" s="686"/>
      <c r="CW16" s="686"/>
      <c r="CX16" s="686"/>
      <c r="CY16" s="687"/>
      <c r="CZ16" s="688" t="s">
        <v>236</v>
      </c>
      <c r="DA16" s="688"/>
      <c r="DB16" s="688"/>
      <c r="DC16" s="688"/>
      <c r="DD16" s="694" t="s">
        <v>177</v>
      </c>
      <c r="DE16" s="686"/>
      <c r="DF16" s="686"/>
      <c r="DG16" s="686"/>
      <c r="DH16" s="686"/>
      <c r="DI16" s="686"/>
      <c r="DJ16" s="686"/>
      <c r="DK16" s="686"/>
      <c r="DL16" s="686"/>
      <c r="DM16" s="686"/>
      <c r="DN16" s="686"/>
      <c r="DO16" s="686"/>
      <c r="DP16" s="687"/>
      <c r="DQ16" s="694" t="s">
        <v>236</v>
      </c>
      <c r="DR16" s="686"/>
      <c r="DS16" s="686"/>
      <c r="DT16" s="686"/>
      <c r="DU16" s="686"/>
      <c r="DV16" s="686"/>
      <c r="DW16" s="686"/>
      <c r="DX16" s="686"/>
      <c r="DY16" s="686"/>
      <c r="DZ16" s="686"/>
      <c r="EA16" s="686"/>
      <c r="EB16" s="686"/>
      <c r="EC16" s="695"/>
    </row>
    <row r="17" spans="2:133" ht="11.25" customHeight="1" x14ac:dyDescent="0.2">
      <c r="B17" s="682" t="s">
        <v>262</v>
      </c>
      <c r="C17" s="683"/>
      <c r="D17" s="683"/>
      <c r="E17" s="683"/>
      <c r="F17" s="683"/>
      <c r="G17" s="683"/>
      <c r="H17" s="683"/>
      <c r="I17" s="683"/>
      <c r="J17" s="683"/>
      <c r="K17" s="683"/>
      <c r="L17" s="683"/>
      <c r="M17" s="683"/>
      <c r="N17" s="683"/>
      <c r="O17" s="683"/>
      <c r="P17" s="683"/>
      <c r="Q17" s="684"/>
      <c r="R17" s="685">
        <v>86066</v>
      </c>
      <c r="S17" s="686"/>
      <c r="T17" s="686"/>
      <c r="U17" s="686"/>
      <c r="V17" s="686"/>
      <c r="W17" s="686"/>
      <c r="X17" s="686"/>
      <c r="Y17" s="687"/>
      <c r="Z17" s="688">
        <v>0.2</v>
      </c>
      <c r="AA17" s="688"/>
      <c r="AB17" s="688"/>
      <c r="AC17" s="688"/>
      <c r="AD17" s="689">
        <v>86066</v>
      </c>
      <c r="AE17" s="689"/>
      <c r="AF17" s="689"/>
      <c r="AG17" s="689"/>
      <c r="AH17" s="689"/>
      <c r="AI17" s="689"/>
      <c r="AJ17" s="689"/>
      <c r="AK17" s="689"/>
      <c r="AL17" s="690">
        <v>0.5</v>
      </c>
      <c r="AM17" s="691"/>
      <c r="AN17" s="691"/>
      <c r="AO17" s="692"/>
      <c r="AP17" s="682" t="s">
        <v>263</v>
      </c>
      <c r="AQ17" s="683"/>
      <c r="AR17" s="683"/>
      <c r="AS17" s="683"/>
      <c r="AT17" s="683"/>
      <c r="AU17" s="683"/>
      <c r="AV17" s="683"/>
      <c r="AW17" s="683"/>
      <c r="AX17" s="683"/>
      <c r="AY17" s="683"/>
      <c r="AZ17" s="683"/>
      <c r="BA17" s="683"/>
      <c r="BB17" s="683"/>
      <c r="BC17" s="683"/>
      <c r="BD17" s="683"/>
      <c r="BE17" s="683"/>
      <c r="BF17" s="684"/>
      <c r="BG17" s="685" t="s">
        <v>177</v>
      </c>
      <c r="BH17" s="686"/>
      <c r="BI17" s="686"/>
      <c r="BJ17" s="686"/>
      <c r="BK17" s="686"/>
      <c r="BL17" s="686"/>
      <c r="BM17" s="686"/>
      <c r="BN17" s="687"/>
      <c r="BO17" s="688" t="s">
        <v>128</v>
      </c>
      <c r="BP17" s="688"/>
      <c r="BQ17" s="688"/>
      <c r="BR17" s="688"/>
      <c r="BS17" s="694" t="s">
        <v>236</v>
      </c>
      <c r="BT17" s="686"/>
      <c r="BU17" s="686"/>
      <c r="BV17" s="686"/>
      <c r="BW17" s="686"/>
      <c r="BX17" s="686"/>
      <c r="BY17" s="686"/>
      <c r="BZ17" s="686"/>
      <c r="CA17" s="686"/>
      <c r="CB17" s="695"/>
      <c r="CD17" s="700" t="s">
        <v>264</v>
      </c>
      <c r="CE17" s="701"/>
      <c r="CF17" s="701"/>
      <c r="CG17" s="701"/>
      <c r="CH17" s="701"/>
      <c r="CI17" s="701"/>
      <c r="CJ17" s="701"/>
      <c r="CK17" s="701"/>
      <c r="CL17" s="701"/>
      <c r="CM17" s="701"/>
      <c r="CN17" s="701"/>
      <c r="CO17" s="701"/>
      <c r="CP17" s="701"/>
      <c r="CQ17" s="702"/>
      <c r="CR17" s="685">
        <v>2012529</v>
      </c>
      <c r="CS17" s="686"/>
      <c r="CT17" s="686"/>
      <c r="CU17" s="686"/>
      <c r="CV17" s="686"/>
      <c r="CW17" s="686"/>
      <c r="CX17" s="686"/>
      <c r="CY17" s="687"/>
      <c r="CZ17" s="688">
        <v>5.4</v>
      </c>
      <c r="DA17" s="688"/>
      <c r="DB17" s="688"/>
      <c r="DC17" s="688"/>
      <c r="DD17" s="694" t="s">
        <v>236</v>
      </c>
      <c r="DE17" s="686"/>
      <c r="DF17" s="686"/>
      <c r="DG17" s="686"/>
      <c r="DH17" s="686"/>
      <c r="DI17" s="686"/>
      <c r="DJ17" s="686"/>
      <c r="DK17" s="686"/>
      <c r="DL17" s="686"/>
      <c r="DM17" s="686"/>
      <c r="DN17" s="686"/>
      <c r="DO17" s="686"/>
      <c r="DP17" s="687"/>
      <c r="DQ17" s="694">
        <v>2012529</v>
      </c>
      <c r="DR17" s="686"/>
      <c r="DS17" s="686"/>
      <c r="DT17" s="686"/>
      <c r="DU17" s="686"/>
      <c r="DV17" s="686"/>
      <c r="DW17" s="686"/>
      <c r="DX17" s="686"/>
      <c r="DY17" s="686"/>
      <c r="DZ17" s="686"/>
      <c r="EA17" s="686"/>
      <c r="EB17" s="686"/>
      <c r="EC17" s="695"/>
    </row>
    <row r="18" spans="2:133" ht="11.25" customHeight="1" x14ac:dyDescent="0.2">
      <c r="B18" s="682" t="s">
        <v>265</v>
      </c>
      <c r="C18" s="683"/>
      <c r="D18" s="683"/>
      <c r="E18" s="683"/>
      <c r="F18" s="683"/>
      <c r="G18" s="683"/>
      <c r="H18" s="683"/>
      <c r="I18" s="683"/>
      <c r="J18" s="683"/>
      <c r="K18" s="683"/>
      <c r="L18" s="683"/>
      <c r="M18" s="683"/>
      <c r="N18" s="683"/>
      <c r="O18" s="683"/>
      <c r="P18" s="683"/>
      <c r="Q18" s="684"/>
      <c r="R18" s="685">
        <v>126230</v>
      </c>
      <c r="S18" s="686"/>
      <c r="T18" s="686"/>
      <c r="U18" s="686"/>
      <c r="V18" s="686"/>
      <c r="W18" s="686"/>
      <c r="X18" s="686"/>
      <c r="Y18" s="687"/>
      <c r="Z18" s="688">
        <v>0.3</v>
      </c>
      <c r="AA18" s="688"/>
      <c r="AB18" s="688"/>
      <c r="AC18" s="688"/>
      <c r="AD18" s="689">
        <v>126230</v>
      </c>
      <c r="AE18" s="689"/>
      <c r="AF18" s="689"/>
      <c r="AG18" s="689"/>
      <c r="AH18" s="689"/>
      <c r="AI18" s="689"/>
      <c r="AJ18" s="689"/>
      <c r="AK18" s="689"/>
      <c r="AL18" s="690">
        <v>0.7</v>
      </c>
      <c r="AM18" s="691"/>
      <c r="AN18" s="691"/>
      <c r="AO18" s="692"/>
      <c r="AP18" s="682" t="s">
        <v>266</v>
      </c>
      <c r="AQ18" s="683"/>
      <c r="AR18" s="683"/>
      <c r="AS18" s="683"/>
      <c r="AT18" s="683"/>
      <c r="AU18" s="683"/>
      <c r="AV18" s="683"/>
      <c r="AW18" s="683"/>
      <c r="AX18" s="683"/>
      <c r="AY18" s="683"/>
      <c r="AZ18" s="683"/>
      <c r="BA18" s="683"/>
      <c r="BB18" s="683"/>
      <c r="BC18" s="683"/>
      <c r="BD18" s="683"/>
      <c r="BE18" s="683"/>
      <c r="BF18" s="684"/>
      <c r="BG18" s="685" t="s">
        <v>128</v>
      </c>
      <c r="BH18" s="686"/>
      <c r="BI18" s="686"/>
      <c r="BJ18" s="686"/>
      <c r="BK18" s="686"/>
      <c r="BL18" s="686"/>
      <c r="BM18" s="686"/>
      <c r="BN18" s="687"/>
      <c r="BO18" s="688" t="s">
        <v>128</v>
      </c>
      <c r="BP18" s="688"/>
      <c r="BQ18" s="688"/>
      <c r="BR18" s="688"/>
      <c r="BS18" s="694" t="s">
        <v>236</v>
      </c>
      <c r="BT18" s="686"/>
      <c r="BU18" s="686"/>
      <c r="BV18" s="686"/>
      <c r="BW18" s="686"/>
      <c r="BX18" s="686"/>
      <c r="BY18" s="686"/>
      <c r="BZ18" s="686"/>
      <c r="CA18" s="686"/>
      <c r="CB18" s="695"/>
      <c r="CD18" s="700" t="s">
        <v>267</v>
      </c>
      <c r="CE18" s="701"/>
      <c r="CF18" s="701"/>
      <c r="CG18" s="701"/>
      <c r="CH18" s="701"/>
      <c r="CI18" s="701"/>
      <c r="CJ18" s="701"/>
      <c r="CK18" s="701"/>
      <c r="CL18" s="701"/>
      <c r="CM18" s="701"/>
      <c r="CN18" s="701"/>
      <c r="CO18" s="701"/>
      <c r="CP18" s="701"/>
      <c r="CQ18" s="702"/>
      <c r="CR18" s="685" t="s">
        <v>128</v>
      </c>
      <c r="CS18" s="686"/>
      <c r="CT18" s="686"/>
      <c r="CU18" s="686"/>
      <c r="CV18" s="686"/>
      <c r="CW18" s="686"/>
      <c r="CX18" s="686"/>
      <c r="CY18" s="687"/>
      <c r="CZ18" s="688" t="s">
        <v>177</v>
      </c>
      <c r="DA18" s="688"/>
      <c r="DB18" s="688"/>
      <c r="DC18" s="688"/>
      <c r="DD18" s="694" t="s">
        <v>236</v>
      </c>
      <c r="DE18" s="686"/>
      <c r="DF18" s="686"/>
      <c r="DG18" s="686"/>
      <c r="DH18" s="686"/>
      <c r="DI18" s="686"/>
      <c r="DJ18" s="686"/>
      <c r="DK18" s="686"/>
      <c r="DL18" s="686"/>
      <c r="DM18" s="686"/>
      <c r="DN18" s="686"/>
      <c r="DO18" s="686"/>
      <c r="DP18" s="687"/>
      <c r="DQ18" s="694" t="s">
        <v>128</v>
      </c>
      <c r="DR18" s="686"/>
      <c r="DS18" s="686"/>
      <c r="DT18" s="686"/>
      <c r="DU18" s="686"/>
      <c r="DV18" s="686"/>
      <c r="DW18" s="686"/>
      <c r="DX18" s="686"/>
      <c r="DY18" s="686"/>
      <c r="DZ18" s="686"/>
      <c r="EA18" s="686"/>
      <c r="EB18" s="686"/>
      <c r="EC18" s="695"/>
    </row>
    <row r="19" spans="2:133" ht="11.25" customHeight="1" x14ac:dyDescent="0.2">
      <c r="B19" s="682" t="s">
        <v>268</v>
      </c>
      <c r="C19" s="683"/>
      <c r="D19" s="683"/>
      <c r="E19" s="683"/>
      <c r="F19" s="683"/>
      <c r="G19" s="683"/>
      <c r="H19" s="683"/>
      <c r="I19" s="683"/>
      <c r="J19" s="683"/>
      <c r="K19" s="683"/>
      <c r="L19" s="683"/>
      <c r="M19" s="683"/>
      <c r="N19" s="683"/>
      <c r="O19" s="683"/>
      <c r="P19" s="683"/>
      <c r="Q19" s="684"/>
      <c r="R19" s="685">
        <v>106798</v>
      </c>
      <c r="S19" s="686"/>
      <c r="T19" s="686"/>
      <c r="U19" s="686"/>
      <c r="V19" s="686"/>
      <c r="W19" s="686"/>
      <c r="X19" s="686"/>
      <c r="Y19" s="687"/>
      <c r="Z19" s="688">
        <v>0.3</v>
      </c>
      <c r="AA19" s="688"/>
      <c r="AB19" s="688"/>
      <c r="AC19" s="688"/>
      <c r="AD19" s="689">
        <v>106798</v>
      </c>
      <c r="AE19" s="689"/>
      <c r="AF19" s="689"/>
      <c r="AG19" s="689"/>
      <c r="AH19" s="689"/>
      <c r="AI19" s="689"/>
      <c r="AJ19" s="689"/>
      <c r="AK19" s="689"/>
      <c r="AL19" s="690">
        <v>0.6</v>
      </c>
      <c r="AM19" s="691"/>
      <c r="AN19" s="691"/>
      <c r="AO19" s="692"/>
      <c r="AP19" s="682" t="s">
        <v>269</v>
      </c>
      <c r="AQ19" s="683"/>
      <c r="AR19" s="683"/>
      <c r="AS19" s="683"/>
      <c r="AT19" s="683"/>
      <c r="AU19" s="683"/>
      <c r="AV19" s="683"/>
      <c r="AW19" s="683"/>
      <c r="AX19" s="683"/>
      <c r="AY19" s="683"/>
      <c r="AZ19" s="683"/>
      <c r="BA19" s="683"/>
      <c r="BB19" s="683"/>
      <c r="BC19" s="683"/>
      <c r="BD19" s="683"/>
      <c r="BE19" s="683"/>
      <c r="BF19" s="684"/>
      <c r="BG19" s="685">
        <v>769719</v>
      </c>
      <c r="BH19" s="686"/>
      <c r="BI19" s="686"/>
      <c r="BJ19" s="686"/>
      <c r="BK19" s="686"/>
      <c r="BL19" s="686"/>
      <c r="BM19" s="686"/>
      <c r="BN19" s="687"/>
      <c r="BO19" s="688">
        <v>5.9</v>
      </c>
      <c r="BP19" s="688"/>
      <c r="BQ19" s="688"/>
      <c r="BR19" s="688"/>
      <c r="BS19" s="694" t="s">
        <v>236</v>
      </c>
      <c r="BT19" s="686"/>
      <c r="BU19" s="686"/>
      <c r="BV19" s="686"/>
      <c r="BW19" s="686"/>
      <c r="BX19" s="686"/>
      <c r="BY19" s="686"/>
      <c r="BZ19" s="686"/>
      <c r="CA19" s="686"/>
      <c r="CB19" s="695"/>
      <c r="CD19" s="700" t="s">
        <v>270</v>
      </c>
      <c r="CE19" s="701"/>
      <c r="CF19" s="701"/>
      <c r="CG19" s="701"/>
      <c r="CH19" s="701"/>
      <c r="CI19" s="701"/>
      <c r="CJ19" s="701"/>
      <c r="CK19" s="701"/>
      <c r="CL19" s="701"/>
      <c r="CM19" s="701"/>
      <c r="CN19" s="701"/>
      <c r="CO19" s="701"/>
      <c r="CP19" s="701"/>
      <c r="CQ19" s="702"/>
      <c r="CR19" s="685" t="s">
        <v>236</v>
      </c>
      <c r="CS19" s="686"/>
      <c r="CT19" s="686"/>
      <c r="CU19" s="686"/>
      <c r="CV19" s="686"/>
      <c r="CW19" s="686"/>
      <c r="CX19" s="686"/>
      <c r="CY19" s="687"/>
      <c r="CZ19" s="688" t="s">
        <v>236</v>
      </c>
      <c r="DA19" s="688"/>
      <c r="DB19" s="688"/>
      <c r="DC19" s="688"/>
      <c r="DD19" s="694" t="s">
        <v>128</v>
      </c>
      <c r="DE19" s="686"/>
      <c r="DF19" s="686"/>
      <c r="DG19" s="686"/>
      <c r="DH19" s="686"/>
      <c r="DI19" s="686"/>
      <c r="DJ19" s="686"/>
      <c r="DK19" s="686"/>
      <c r="DL19" s="686"/>
      <c r="DM19" s="686"/>
      <c r="DN19" s="686"/>
      <c r="DO19" s="686"/>
      <c r="DP19" s="687"/>
      <c r="DQ19" s="694" t="s">
        <v>236</v>
      </c>
      <c r="DR19" s="686"/>
      <c r="DS19" s="686"/>
      <c r="DT19" s="686"/>
      <c r="DU19" s="686"/>
      <c r="DV19" s="686"/>
      <c r="DW19" s="686"/>
      <c r="DX19" s="686"/>
      <c r="DY19" s="686"/>
      <c r="DZ19" s="686"/>
      <c r="EA19" s="686"/>
      <c r="EB19" s="686"/>
      <c r="EC19" s="695"/>
    </row>
    <row r="20" spans="2:133" ht="11.25" customHeight="1" x14ac:dyDescent="0.2">
      <c r="B20" s="682" t="s">
        <v>271</v>
      </c>
      <c r="C20" s="683"/>
      <c r="D20" s="683"/>
      <c r="E20" s="683"/>
      <c r="F20" s="683"/>
      <c r="G20" s="683"/>
      <c r="H20" s="683"/>
      <c r="I20" s="683"/>
      <c r="J20" s="683"/>
      <c r="K20" s="683"/>
      <c r="L20" s="683"/>
      <c r="M20" s="683"/>
      <c r="N20" s="683"/>
      <c r="O20" s="683"/>
      <c r="P20" s="683"/>
      <c r="Q20" s="684"/>
      <c r="R20" s="685">
        <v>14721</v>
      </c>
      <c r="S20" s="686"/>
      <c r="T20" s="686"/>
      <c r="U20" s="686"/>
      <c r="V20" s="686"/>
      <c r="W20" s="686"/>
      <c r="X20" s="686"/>
      <c r="Y20" s="687"/>
      <c r="Z20" s="688">
        <v>0</v>
      </c>
      <c r="AA20" s="688"/>
      <c r="AB20" s="688"/>
      <c r="AC20" s="688"/>
      <c r="AD20" s="689">
        <v>14721</v>
      </c>
      <c r="AE20" s="689"/>
      <c r="AF20" s="689"/>
      <c r="AG20" s="689"/>
      <c r="AH20" s="689"/>
      <c r="AI20" s="689"/>
      <c r="AJ20" s="689"/>
      <c r="AK20" s="689"/>
      <c r="AL20" s="690">
        <v>0.1</v>
      </c>
      <c r="AM20" s="691"/>
      <c r="AN20" s="691"/>
      <c r="AO20" s="692"/>
      <c r="AP20" s="682" t="s">
        <v>272</v>
      </c>
      <c r="AQ20" s="683"/>
      <c r="AR20" s="683"/>
      <c r="AS20" s="683"/>
      <c r="AT20" s="683"/>
      <c r="AU20" s="683"/>
      <c r="AV20" s="683"/>
      <c r="AW20" s="683"/>
      <c r="AX20" s="683"/>
      <c r="AY20" s="683"/>
      <c r="AZ20" s="683"/>
      <c r="BA20" s="683"/>
      <c r="BB20" s="683"/>
      <c r="BC20" s="683"/>
      <c r="BD20" s="683"/>
      <c r="BE20" s="683"/>
      <c r="BF20" s="684"/>
      <c r="BG20" s="685">
        <v>769719</v>
      </c>
      <c r="BH20" s="686"/>
      <c r="BI20" s="686"/>
      <c r="BJ20" s="686"/>
      <c r="BK20" s="686"/>
      <c r="BL20" s="686"/>
      <c r="BM20" s="686"/>
      <c r="BN20" s="687"/>
      <c r="BO20" s="688">
        <v>5.9</v>
      </c>
      <c r="BP20" s="688"/>
      <c r="BQ20" s="688"/>
      <c r="BR20" s="688"/>
      <c r="BS20" s="694" t="s">
        <v>128</v>
      </c>
      <c r="BT20" s="686"/>
      <c r="BU20" s="686"/>
      <c r="BV20" s="686"/>
      <c r="BW20" s="686"/>
      <c r="BX20" s="686"/>
      <c r="BY20" s="686"/>
      <c r="BZ20" s="686"/>
      <c r="CA20" s="686"/>
      <c r="CB20" s="695"/>
      <c r="CD20" s="700" t="s">
        <v>273</v>
      </c>
      <c r="CE20" s="701"/>
      <c r="CF20" s="701"/>
      <c r="CG20" s="701"/>
      <c r="CH20" s="701"/>
      <c r="CI20" s="701"/>
      <c r="CJ20" s="701"/>
      <c r="CK20" s="701"/>
      <c r="CL20" s="701"/>
      <c r="CM20" s="701"/>
      <c r="CN20" s="701"/>
      <c r="CO20" s="701"/>
      <c r="CP20" s="701"/>
      <c r="CQ20" s="702"/>
      <c r="CR20" s="685">
        <v>37050872</v>
      </c>
      <c r="CS20" s="686"/>
      <c r="CT20" s="686"/>
      <c r="CU20" s="686"/>
      <c r="CV20" s="686"/>
      <c r="CW20" s="686"/>
      <c r="CX20" s="686"/>
      <c r="CY20" s="687"/>
      <c r="CZ20" s="688">
        <v>100</v>
      </c>
      <c r="DA20" s="688"/>
      <c r="DB20" s="688"/>
      <c r="DC20" s="688"/>
      <c r="DD20" s="694">
        <v>2419010</v>
      </c>
      <c r="DE20" s="686"/>
      <c r="DF20" s="686"/>
      <c r="DG20" s="686"/>
      <c r="DH20" s="686"/>
      <c r="DI20" s="686"/>
      <c r="DJ20" s="686"/>
      <c r="DK20" s="686"/>
      <c r="DL20" s="686"/>
      <c r="DM20" s="686"/>
      <c r="DN20" s="686"/>
      <c r="DO20" s="686"/>
      <c r="DP20" s="687"/>
      <c r="DQ20" s="694">
        <v>19219132</v>
      </c>
      <c r="DR20" s="686"/>
      <c r="DS20" s="686"/>
      <c r="DT20" s="686"/>
      <c r="DU20" s="686"/>
      <c r="DV20" s="686"/>
      <c r="DW20" s="686"/>
      <c r="DX20" s="686"/>
      <c r="DY20" s="686"/>
      <c r="DZ20" s="686"/>
      <c r="EA20" s="686"/>
      <c r="EB20" s="686"/>
      <c r="EC20" s="695"/>
    </row>
    <row r="21" spans="2:133" ht="11.25" customHeight="1" x14ac:dyDescent="0.2">
      <c r="B21" s="682" t="s">
        <v>274</v>
      </c>
      <c r="C21" s="683"/>
      <c r="D21" s="683"/>
      <c r="E21" s="683"/>
      <c r="F21" s="683"/>
      <c r="G21" s="683"/>
      <c r="H21" s="683"/>
      <c r="I21" s="683"/>
      <c r="J21" s="683"/>
      <c r="K21" s="683"/>
      <c r="L21" s="683"/>
      <c r="M21" s="683"/>
      <c r="N21" s="683"/>
      <c r="O21" s="683"/>
      <c r="P21" s="683"/>
      <c r="Q21" s="684"/>
      <c r="R21" s="685">
        <v>4711</v>
      </c>
      <c r="S21" s="686"/>
      <c r="T21" s="686"/>
      <c r="U21" s="686"/>
      <c r="V21" s="686"/>
      <c r="W21" s="686"/>
      <c r="X21" s="686"/>
      <c r="Y21" s="687"/>
      <c r="Z21" s="688">
        <v>0</v>
      </c>
      <c r="AA21" s="688"/>
      <c r="AB21" s="688"/>
      <c r="AC21" s="688"/>
      <c r="AD21" s="689">
        <v>4711</v>
      </c>
      <c r="AE21" s="689"/>
      <c r="AF21" s="689"/>
      <c r="AG21" s="689"/>
      <c r="AH21" s="689"/>
      <c r="AI21" s="689"/>
      <c r="AJ21" s="689"/>
      <c r="AK21" s="689"/>
      <c r="AL21" s="690">
        <v>0</v>
      </c>
      <c r="AM21" s="691"/>
      <c r="AN21" s="691"/>
      <c r="AO21" s="692"/>
      <c r="AP21" s="704" t="s">
        <v>275</v>
      </c>
      <c r="AQ21" s="705"/>
      <c r="AR21" s="705"/>
      <c r="AS21" s="705"/>
      <c r="AT21" s="705"/>
      <c r="AU21" s="705"/>
      <c r="AV21" s="705"/>
      <c r="AW21" s="705"/>
      <c r="AX21" s="705"/>
      <c r="AY21" s="705"/>
      <c r="AZ21" s="705"/>
      <c r="BA21" s="705"/>
      <c r="BB21" s="705"/>
      <c r="BC21" s="705"/>
      <c r="BD21" s="705"/>
      <c r="BE21" s="705"/>
      <c r="BF21" s="706"/>
      <c r="BG21" s="685" t="s">
        <v>236</v>
      </c>
      <c r="BH21" s="686"/>
      <c r="BI21" s="686"/>
      <c r="BJ21" s="686"/>
      <c r="BK21" s="686"/>
      <c r="BL21" s="686"/>
      <c r="BM21" s="686"/>
      <c r="BN21" s="687"/>
      <c r="BO21" s="688" t="s">
        <v>236</v>
      </c>
      <c r="BP21" s="688"/>
      <c r="BQ21" s="688"/>
      <c r="BR21" s="688"/>
      <c r="BS21" s="694" t="s">
        <v>128</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76</v>
      </c>
      <c r="C22" s="683"/>
      <c r="D22" s="683"/>
      <c r="E22" s="683"/>
      <c r="F22" s="683"/>
      <c r="G22" s="683"/>
      <c r="H22" s="683"/>
      <c r="I22" s="683"/>
      <c r="J22" s="683"/>
      <c r="K22" s="683"/>
      <c r="L22" s="683"/>
      <c r="M22" s="683"/>
      <c r="N22" s="683"/>
      <c r="O22" s="683"/>
      <c r="P22" s="683"/>
      <c r="Q22" s="684"/>
      <c r="R22" s="685">
        <v>1220771</v>
      </c>
      <c r="S22" s="686"/>
      <c r="T22" s="686"/>
      <c r="U22" s="686"/>
      <c r="V22" s="686"/>
      <c r="W22" s="686"/>
      <c r="X22" s="686"/>
      <c r="Y22" s="687"/>
      <c r="Z22" s="688">
        <v>3.2</v>
      </c>
      <c r="AA22" s="688"/>
      <c r="AB22" s="688"/>
      <c r="AC22" s="688"/>
      <c r="AD22" s="689">
        <v>1054771</v>
      </c>
      <c r="AE22" s="689"/>
      <c r="AF22" s="689"/>
      <c r="AG22" s="689"/>
      <c r="AH22" s="689"/>
      <c r="AI22" s="689"/>
      <c r="AJ22" s="689"/>
      <c r="AK22" s="689"/>
      <c r="AL22" s="690">
        <v>6.2</v>
      </c>
      <c r="AM22" s="691"/>
      <c r="AN22" s="691"/>
      <c r="AO22" s="692"/>
      <c r="AP22" s="704" t="s">
        <v>277</v>
      </c>
      <c r="AQ22" s="705"/>
      <c r="AR22" s="705"/>
      <c r="AS22" s="705"/>
      <c r="AT22" s="705"/>
      <c r="AU22" s="705"/>
      <c r="AV22" s="705"/>
      <c r="AW22" s="705"/>
      <c r="AX22" s="705"/>
      <c r="AY22" s="705"/>
      <c r="AZ22" s="705"/>
      <c r="BA22" s="705"/>
      <c r="BB22" s="705"/>
      <c r="BC22" s="705"/>
      <c r="BD22" s="705"/>
      <c r="BE22" s="705"/>
      <c r="BF22" s="706"/>
      <c r="BG22" s="685" t="s">
        <v>128</v>
      </c>
      <c r="BH22" s="686"/>
      <c r="BI22" s="686"/>
      <c r="BJ22" s="686"/>
      <c r="BK22" s="686"/>
      <c r="BL22" s="686"/>
      <c r="BM22" s="686"/>
      <c r="BN22" s="687"/>
      <c r="BO22" s="688" t="s">
        <v>236</v>
      </c>
      <c r="BP22" s="688"/>
      <c r="BQ22" s="688"/>
      <c r="BR22" s="688"/>
      <c r="BS22" s="694" t="s">
        <v>128</v>
      </c>
      <c r="BT22" s="686"/>
      <c r="BU22" s="686"/>
      <c r="BV22" s="686"/>
      <c r="BW22" s="686"/>
      <c r="BX22" s="686"/>
      <c r="BY22" s="686"/>
      <c r="BZ22" s="686"/>
      <c r="CA22" s="686"/>
      <c r="CB22" s="695"/>
      <c r="CD22" s="667" t="s">
        <v>278</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79</v>
      </c>
      <c r="C23" s="683"/>
      <c r="D23" s="683"/>
      <c r="E23" s="683"/>
      <c r="F23" s="683"/>
      <c r="G23" s="683"/>
      <c r="H23" s="683"/>
      <c r="I23" s="683"/>
      <c r="J23" s="683"/>
      <c r="K23" s="683"/>
      <c r="L23" s="683"/>
      <c r="M23" s="683"/>
      <c r="N23" s="683"/>
      <c r="O23" s="683"/>
      <c r="P23" s="683"/>
      <c r="Q23" s="684"/>
      <c r="R23" s="685">
        <v>1054771</v>
      </c>
      <c r="S23" s="686"/>
      <c r="T23" s="686"/>
      <c r="U23" s="686"/>
      <c r="V23" s="686"/>
      <c r="W23" s="686"/>
      <c r="X23" s="686"/>
      <c r="Y23" s="687"/>
      <c r="Z23" s="688">
        <v>2.7</v>
      </c>
      <c r="AA23" s="688"/>
      <c r="AB23" s="688"/>
      <c r="AC23" s="688"/>
      <c r="AD23" s="689">
        <v>1054771</v>
      </c>
      <c r="AE23" s="689"/>
      <c r="AF23" s="689"/>
      <c r="AG23" s="689"/>
      <c r="AH23" s="689"/>
      <c r="AI23" s="689"/>
      <c r="AJ23" s="689"/>
      <c r="AK23" s="689"/>
      <c r="AL23" s="690">
        <v>6.2</v>
      </c>
      <c r="AM23" s="691"/>
      <c r="AN23" s="691"/>
      <c r="AO23" s="692"/>
      <c r="AP23" s="704" t="s">
        <v>280</v>
      </c>
      <c r="AQ23" s="705"/>
      <c r="AR23" s="705"/>
      <c r="AS23" s="705"/>
      <c r="AT23" s="705"/>
      <c r="AU23" s="705"/>
      <c r="AV23" s="705"/>
      <c r="AW23" s="705"/>
      <c r="AX23" s="705"/>
      <c r="AY23" s="705"/>
      <c r="AZ23" s="705"/>
      <c r="BA23" s="705"/>
      <c r="BB23" s="705"/>
      <c r="BC23" s="705"/>
      <c r="BD23" s="705"/>
      <c r="BE23" s="705"/>
      <c r="BF23" s="706"/>
      <c r="BG23" s="685">
        <v>769719</v>
      </c>
      <c r="BH23" s="686"/>
      <c r="BI23" s="686"/>
      <c r="BJ23" s="686"/>
      <c r="BK23" s="686"/>
      <c r="BL23" s="686"/>
      <c r="BM23" s="686"/>
      <c r="BN23" s="687"/>
      <c r="BO23" s="688">
        <v>5.9</v>
      </c>
      <c r="BP23" s="688"/>
      <c r="BQ23" s="688"/>
      <c r="BR23" s="688"/>
      <c r="BS23" s="694" t="s">
        <v>128</v>
      </c>
      <c r="BT23" s="686"/>
      <c r="BU23" s="686"/>
      <c r="BV23" s="686"/>
      <c r="BW23" s="686"/>
      <c r="BX23" s="686"/>
      <c r="BY23" s="686"/>
      <c r="BZ23" s="686"/>
      <c r="CA23" s="686"/>
      <c r="CB23" s="695"/>
      <c r="CD23" s="667" t="s">
        <v>219</v>
      </c>
      <c r="CE23" s="668"/>
      <c r="CF23" s="668"/>
      <c r="CG23" s="668"/>
      <c r="CH23" s="668"/>
      <c r="CI23" s="668"/>
      <c r="CJ23" s="668"/>
      <c r="CK23" s="668"/>
      <c r="CL23" s="668"/>
      <c r="CM23" s="668"/>
      <c r="CN23" s="668"/>
      <c r="CO23" s="668"/>
      <c r="CP23" s="668"/>
      <c r="CQ23" s="669"/>
      <c r="CR23" s="667" t="s">
        <v>281</v>
      </c>
      <c r="CS23" s="668"/>
      <c r="CT23" s="668"/>
      <c r="CU23" s="668"/>
      <c r="CV23" s="668"/>
      <c r="CW23" s="668"/>
      <c r="CX23" s="668"/>
      <c r="CY23" s="669"/>
      <c r="CZ23" s="667" t="s">
        <v>282</v>
      </c>
      <c r="DA23" s="668"/>
      <c r="DB23" s="668"/>
      <c r="DC23" s="669"/>
      <c r="DD23" s="667" t="s">
        <v>283</v>
      </c>
      <c r="DE23" s="668"/>
      <c r="DF23" s="668"/>
      <c r="DG23" s="668"/>
      <c r="DH23" s="668"/>
      <c r="DI23" s="668"/>
      <c r="DJ23" s="668"/>
      <c r="DK23" s="669"/>
      <c r="DL23" s="716" t="s">
        <v>284</v>
      </c>
      <c r="DM23" s="717"/>
      <c r="DN23" s="717"/>
      <c r="DO23" s="717"/>
      <c r="DP23" s="717"/>
      <c r="DQ23" s="717"/>
      <c r="DR23" s="717"/>
      <c r="DS23" s="717"/>
      <c r="DT23" s="717"/>
      <c r="DU23" s="717"/>
      <c r="DV23" s="718"/>
      <c r="DW23" s="667" t="s">
        <v>285</v>
      </c>
      <c r="DX23" s="668"/>
      <c r="DY23" s="668"/>
      <c r="DZ23" s="668"/>
      <c r="EA23" s="668"/>
      <c r="EB23" s="668"/>
      <c r="EC23" s="669"/>
    </row>
    <row r="24" spans="2:133" ht="11.25" customHeight="1" x14ac:dyDescent="0.2">
      <c r="B24" s="682" t="s">
        <v>286</v>
      </c>
      <c r="C24" s="683"/>
      <c r="D24" s="683"/>
      <c r="E24" s="683"/>
      <c r="F24" s="683"/>
      <c r="G24" s="683"/>
      <c r="H24" s="683"/>
      <c r="I24" s="683"/>
      <c r="J24" s="683"/>
      <c r="K24" s="683"/>
      <c r="L24" s="683"/>
      <c r="M24" s="683"/>
      <c r="N24" s="683"/>
      <c r="O24" s="683"/>
      <c r="P24" s="683"/>
      <c r="Q24" s="684"/>
      <c r="R24" s="685">
        <v>166000</v>
      </c>
      <c r="S24" s="686"/>
      <c r="T24" s="686"/>
      <c r="U24" s="686"/>
      <c r="V24" s="686"/>
      <c r="W24" s="686"/>
      <c r="X24" s="686"/>
      <c r="Y24" s="687"/>
      <c r="Z24" s="688">
        <v>0.4</v>
      </c>
      <c r="AA24" s="688"/>
      <c r="AB24" s="688"/>
      <c r="AC24" s="688"/>
      <c r="AD24" s="689" t="s">
        <v>128</v>
      </c>
      <c r="AE24" s="689"/>
      <c r="AF24" s="689"/>
      <c r="AG24" s="689"/>
      <c r="AH24" s="689"/>
      <c r="AI24" s="689"/>
      <c r="AJ24" s="689"/>
      <c r="AK24" s="689"/>
      <c r="AL24" s="690" t="s">
        <v>236</v>
      </c>
      <c r="AM24" s="691"/>
      <c r="AN24" s="691"/>
      <c r="AO24" s="692"/>
      <c r="AP24" s="704" t="s">
        <v>287</v>
      </c>
      <c r="AQ24" s="705"/>
      <c r="AR24" s="705"/>
      <c r="AS24" s="705"/>
      <c r="AT24" s="705"/>
      <c r="AU24" s="705"/>
      <c r="AV24" s="705"/>
      <c r="AW24" s="705"/>
      <c r="AX24" s="705"/>
      <c r="AY24" s="705"/>
      <c r="AZ24" s="705"/>
      <c r="BA24" s="705"/>
      <c r="BB24" s="705"/>
      <c r="BC24" s="705"/>
      <c r="BD24" s="705"/>
      <c r="BE24" s="705"/>
      <c r="BF24" s="706"/>
      <c r="BG24" s="685" t="s">
        <v>128</v>
      </c>
      <c r="BH24" s="686"/>
      <c r="BI24" s="686"/>
      <c r="BJ24" s="686"/>
      <c r="BK24" s="686"/>
      <c r="BL24" s="686"/>
      <c r="BM24" s="686"/>
      <c r="BN24" s="687"/>
      <c r="BO24" s="688" t="s">
        <v>177</v>
      </c>
      <c r="BP24" s="688"/>
      <c r="BQ24" s="688"/>
      <c r="BR24" s="688"/>
      <c r="BS24" s="694" t="s">
        <v>128</v>
      </c>
      <c r="BT24" s="686"/>
      <c r="BU24" s="686"/>
      <c r="BV24" s="686"/>
      <c r="BW24" s="686"/>
      <c r="BX24" s="686"/>
      <c r="BY24" s="686"/>
      <c r="BZ24" s="686"/>
      <c r="CA24" s="686"/>
      <c r="CB24" s="695"/>
      <c r="CD24" s="696" t="s">
        <v>288</v>
      </c>
      <c r="CE24" s="697"/>
      <c r="CF24" s="697"/>
      <c r="CG24" s="697"/>
      <c r="CH24" s="697"/>
      <c r="CI24" s="697"/>
      <c r="CJ24" s="697"/>
      <c r="CK24" s="697"/>
      <c r="CL24" s="697"/>
      <c r="CM24" s="697"/>
      <c r="CN24" s="697"/>
      <c r="CO24" s="697"/>
      <c r="CP24" s="697"/>
      <c r="CQ24" s="698"/>
      <c r="CR24" s="674">
        <v>15609548</v>
      </c>
      <c r="CS24" s="675"/>
      <c r="CT24" s="675"/>
      <c r="CU24" s="675"/>
      <c r="CV24" s="675"/>
      <c r="CW24" s="675"/>
      <c r="CX24" s="675"/>
      <c r="CY24" s="676"/>
      <c r="CZ24" s="679">
        <v>42.1</v>
      </c>
      <c r="DA24" s="680"/>
      <c r="DB24" s="680"/>
      <c r="DC24" s="699"/>
      <c r="DD24" s="724">
        <v>9779905</v>
      </c>
      <c r="DE24" s="675"/>
      <c r="DF24" s="675"/>
      <c r="DG24" s="675"/>
      <c r="DH24" s="675"/>
      <c r="DI24" s="675"/>
      <c r="DJ24" s="675"/>
      <c r="DK24" s="676"/>
      <c r="DL24" s="724">
        <v>9714716</v>
      </c>
      <c r="DM24" s="675"/>
      <c r="DN24" s="675"/>
      <c r="DO24" s="675"/>
      <c r="DP24" s="675"/>
      <c r="DQ24" s="675"/>
      <c r="DR24" s="675"/>
      <c r="DS24" s="675"/>
      <c r="DT24" s="675"/>
      <c r="DU24" s="675"/>
      <c r="DV24" s="676"/>
      <c r="DW24" s="679">
        <v>56.4</v>
      </c>
      <c r="DX24" s="680"/>
      <c r="DY24" s="680"/>
      <c r="DZ24" s="680"/>
      <c r="EA24" s="680"/>
      <c r="EB24" s="680"/>
      <c r="EC24" s="681"/>
    </row>
    <row r="25" spans="2:133" ht="11.25" customHeight="1" x14ac:dyDescent="0.2">
      <c r="B25" s="682" t="s">
        <v>289</v>
      </c>
      <c r="C25" s="683"/>
      <c r="D25" s="683"/>
      <c r="E25" s="683"/>
      <c r="F25" s="683"/>
      <c r="G25" s="683"/>
      <c r="H25" s="683"/>
      <c r="I25" s="683"/>
      <c r="J25" s="683"/>
      <c r="K25" s="683"/>
      <c r="L25" s="683"/>
      <c r="M25" s="683"/>
      <c r="N25" s="683"/>
      <c r="O25" s="683"/>
      <c r="P25" s="683"/>
      <c r="Q25" s="684"/>
      <c r="R25" s="685" t="s">
        <v>236</v>
      </c>
      <c r="S25" s="686"/>
      <c r="T25" s="686"/>
      <c r="U25" s="686"/>
      <c r="V25" s="686"/>
      <c r="W25" s="686"/>
      <c r="X25" s="686"/>
      <c r="Y25" s="687"/>
      <c r="Z25" s="688" t="s">
        <v>236</v>
      </c>
      <c r="AA25" s="688"/>
      <c r="AB25" s="688"/>
      <c r="AC25" s="688"/>
      <c r="AD25" s="689" t="s">
        <v>128</v>
      </c>
      <c r="AE25" s="689"/>
      <c r="AF25" s="689"/>
      <c r="AG25" s="689"/>
      <c r="AH25" s="689"/>
      <c r="AI25" s="689"/>
      <c r="AJ25" s="689"/>
      <c r="AK25" s="689"/>
      <c r="AL25" s="690" t="s">
        <v>128</v>
      </c>
      <c r="AM25" s="691"/>
      <c r="AN25" s="691"/>
      <c r="AO25" s="692"/>
      <c r="AP25" s="704" t="s">
        <v>290</v>
      </c>
      <c r="AQ25" s="705"/>
      <c r="AR25" s="705"/>
      <c r="AS25" s="705"/>
      <c r="AT25" s="705"/>
      <c r="AU25" s="705"/>
      <c r="AV25" s="705"/>
      <c r="AW25" s="705"/>
      <c r="AX25" s="705"/>
      <c r="AY25" s="705"/>
      <c r="AZ25" s="705"/>
      <c r="BA25" s="705"/>
      <c r="BB25" s="705"/>
      <c r="BC25" s="705"/>
      <c r="BD25" s="705"/>
      <c r="BE25" s="705"/>
      <c r="BF25" s="706"/>
      <c r="BG25" s="685" t="s">
        <v>236</v>
      </c>
      <c r="BH25" s="686"/>
      <c r="BI25" s="686"/>
      <c r="BJ25" s="686"/>
      <c r="BK25" s="686"/>
      <c r="BL25" s="686"/>
      <c r="BM25" s="686"/>
      <c r="BN25" s="687"/>
      <c r="BO25" s="688" t="s">
        <v>177</v>
      </c>
      <c r="BP25" s="688"/>
      <c r="BQ25" s="688"/>
      <c r="BR25" s="688"/>
      <c r="BS25" s="694" t="s">
        <v>128</v>
      </c>
      <c r="BT25" s="686"/>
      <c r="BU25" s="686"/>
      <c r="BV25" s="686"/>
      <c r="BW25" s="686"/>
      <c r="BX25" s="686"/>
      <c r="BY25" s="686"/>
      <c r="BZ25" s="686"/>
      <c r="CA25" s="686"/>
      <c r="CB25" s="695"/>
      <c r="CD25" s="700" t="s">
        <v>291</v>
      </c>
      <c r="CE25" s="701"/>
      <c r="CF25" s="701"/>
      <c r="CG25" s="701"/>
      <c r="CH25" s="701"/>
      <c r="CI25" s="701"/>
      <c r="CJ25" s="701"/>
      <c r="CK25" s="701"/>
      <c r="CL25" s="701"/>
      <c r="CM25" s="701"/>
      <c r="CN25" s="701"/>
      <c r="CO25" s="701"/>
      <c r="CP25" s="701"/>
      <c r="CQ25" s="702"/>
      <c r="CR25" s="685">
        <v>5922145</v>
      </c>
      <c r="CS25" s="721"/>
      <c r="CT25" s="721"/>
      <c r="CU25" s="721"/>
      <c r="CV25" s="721"/>
      <c r="CW25" s="721"/>
      <c r="CX25" s="721"/>
      <c r="CY25" s="722"/>
      <c r="CZ25" s="690">
        <v>16</v>
      </c>
      <c r="DA25" s="719"/>
      <c r="DB25" s="719"/>
      <c r="DC25" s="723"/>
      <c r="DD25" s="694">
        <v>5600275</v>
      </c>
      <c r="DE25" s="721"/>
      <c r="DF25" s="721"/>
      <c r="DG25" s="721"/>
      <c r="DH25" s="721"/>
      <c r="DI25" s="721"/>
      <c r="DJ25" s="721"/>
      <c r="DK25" s="722"/>
      <c r="DL25" s="694">
        <v>5535332</v>
      </c>
      <c r="DM25" s="721"/>
      <c r="DN25" s="721"/>
      <c r="DO25" s="721"/>
      <c r="DP25" s="721"/>
      <c r="DQ25" s="721"/>
      <c r="DR25" s="721"/>
      <c r="DS25" s="721"/>
      <c r="DT25" s="721"/>
      <c r="DU25" s="721"/>
      <c r="DV25" s="722"/>
      <c r="DW25" s="690">
        <v>32.200000000000003</v>
      </c>
      <c r="DX25" s="719"/>
      <c r="DY25" s="719"/>
      <c r="DZ25" s="719"/>
      <c r="EA25" s="719"/>
      <c r="EB25" s="719"/>
      <c r="EC25" s="720"/>
    </row>
    <row r="26" spans="2:133" ht="11.25" customHeight="1" x14ac:dyDescent="0.2">
      <c r="B26" s="682" t="s">
        <v>292</v>
      </c>
      <c r="C26" s="683"/>
      <c r="D26" s="683"/>
      <c r="E26" s="683"/>
      <c r="F26" s="683"/>
      <c r="G26" s="683"/>
      <c r="H26" s="683"/>
      <c r="I26" s="683"/>
      <c r="J26" s="683"/>
      <c r="K26" s="683"/>
      <c r="L26" s="683"/>
      <c r="M26" s="683"/>
      <c r="N26" s="683"/>
      <c r="O26" s="683"/>
      <c r="P26" s="683"/>
      <c r="Q26" s="684"/>
      <c r="R26" s="685">
        <v>16576734</v>
      </c>
      <c r="S26" s="686"/>
      <c r="T26" s="686"/>
      <c r="U26" s="686"/>
      <c r="V26" s="686"/>
      <c r="W26" s="686"/>
      <c r="X26" s="686"/>
      <c r="Y26" s="687"/>
      <c r="Z26" s="688">
        <v>42.8</v>
      </c>
      <c r="AA26" s="688"/>
      <c r="AB26" s="688"/>
      <c r="AC26" s="688"/>
      <c r="AD26" s="689">
        <v>15641015</v>
      </c>
      <c r="AE26" s="689"/>
      <c r="AF26" s="689"/>
      <c r="AG26" s="689"/>
      <c r="AH26" s="689"/>
      <c r="AI26" s="689"/>
      <c r="AJ26" s="689"/>
      <c r="AK26" s="689"/>
      <c r="AL26" s="690">
        <v>91.9</v>
      </c>
      <c r="AM26" s="691"/>
      <c r="AN26" s="691"/>
      <c r="AO26" s="692"/>
      <c r="AP26" s="704" t="s">
        <v>293</v>
      </c>
      <c r="AQ26" s="734"/>
      <c r="AR26" s="734"/>
      <c r="AS26" s="734"/>
      <c r="AT26" s="734"/>
      <c r="AU26" s="734"/>
      <c r="AV26" s="734"/>
      <c r="AW26" s="734"/>
      <c r="AX26" s="734"/>
      <c r="AY26" s="734"/>
      <c r="AZ26" s="734"/>
      <c r="BA26" s="734"/>
      <c r="BB26" s="734"/>
      <c r="BC26" s="734"/>
      <c r="BD26" s="734"/>
      <c r="BE26" s="734"/>
      <c r="BF26" s="706"/>
      <c r="BG26" s="685" t="s">
        <v>177</v>
      </c>
      <c r="BH26" s="686"/>
      <c r="BI26" s="686"/>
      <c r="BJ26" s="686"/>
      <c r="BK26" s="686"/>
      <c r="BL26" s="686"/>
      <c r="BM26" s="686"/>
      <c r="BN26" s="687"/>
      <c r="BO26" s="688" t="s">
        <v>128</v>
      </c>
      <c r="BP26" s="688"/>
      <c r="BQ26" s="688"/>
      <c r="BR26" s="688"/>
      <c r="BS26" s="694" t="s">
        <v>236</v>
      </c>
      <c r="BT26" s="686"/>
      <c r="BU26" s="686"/>
      <c r="BV26" s="686"/>
      <c r="BW26" s="686"/>
      <c r="BX26" s="686"/>
      <c r="BY26" s="686"/>
      <c r="BZ26" s="686"/>
      <c r="CA26" s="686"/>
      <c r="CB26" s="695"/>
      <c r="CD26" s="700" t="s">
        <v>294</v>
      </c>
      <c r="CE26" s="701"/>
      <c r="CF26" s="701"/>
      <c r="CG26" s="701"/>
      <c r="CH26" s="701"/>
      <c r="CI26" s="701"/>
      <c r="CJ26" s="701"/>
      <c r="CK26" s="701"/>
      <c r="CL26" s="701"/>
      <c r="CM26" s="701"/>
      <c r="CN26" s="701"/>
      <c r="CO26" s="701"/>
      <c r="CP26" s="701"/>
      <c r="CQ26" s="702"/>
      <c r="CR26" s="685">
        <v>3980020</v>
      </c>
      <c r="CS26" s="686"/>
      <c r="CT26" s="686"/>
      <c r="CU26" s="686"/>
      <c r="CV26" s="686"/>
      <c r="CW26" s="686"/>
      <c r="CX26" s="686"/>
      <c r="CY26" s="687"/>
      <c r="CZ26" s="690">
        <v>10.7</v>
      </c>
      <c r="DA26" s="719"/>
      <c r="DB26" s="719"/>
      <c r="DC26" s="723"/>
      <c r="DD26" s="694">
        <v>3735018</v>
      </c>
      <c r="DE26" s="686"/>
      <c r="DF26" s="686"/>
      <c r="DG26" s="686"/>
      <c r="DH26" s="686"/>
      <c r="DI26" s="686"/>
      <c r="DJ26" s="686"/>
      <c r="DK26" s="687"/>
      <c r="DL26" s="694" t="s">
        <v>128</v>
      </c>
      <c r="DM26" s="686"/>
      <c r="DN26" s="686"/>
      <c r="DO26" s="686"/>
      <c r="DP26" s="686"/>
      <c r="DQ26" s="686"/>
      <c r="DR26" s="686"/>
      <c r="DS26" s="686"/>
      <c r="DT26" s="686"/>
      <c r="DU26" s="686"/>
      <c r="DV26" s="687"/>
      <c r="DW26" s="690" t="s">
        <v>128</v>
      </c>
      <c r="DX26" s="719"/>
      <c r="DY26" s="719"/>
      <c r="DZ26" s="719"/>
      <c r="EA26" s="719"/>
      <c r="EB26" s="719"/>
      <c r="EC26" s="720"/>
    </row>
    <row r="27" spans="2:133" ht="11.25" customHeight="1" x14ac:dyDescent="0.2">
      <c r="B27" s="682" t="s">
        <v>295</v>
      </c>
      <c r="C27" s="683"/>
      <c r="D27" s="683"/>
      <c r="E27" s="683"/>
      <c r="F27" s="683"/>
      <c r="G27" s="683"/>
      <c r="H27" s="683"/>
      <c r="I27" s="683"/>
      <c r="J27" s="683"/>
      <c r="K27" s="683"/>
      <c r="L27" s="683"/>
      <c r="M27" s="683"/>
      <c r="N27" s="683"/>
      <c r="O27" s="683"/>
      <c r="P27" s="683"/>
      <c r="Q27" s="684"/>
      <c r="R27" s="685">
        <v>13999</v>
      </c>
      <c r="S27" s="686"/>
      <c r="T27" s="686"/>
      <c r="U27" s="686"/>
      <c r="V27" s="686"/>
      <c r="W27" s="686"/>
      <c r="X27" s="686"/>
      <c r="Y27" s="687"/>
      <c r="Z27" s="688">
        <v>0</v>
      </c>
      <c r="AA27" s="688"/>
      <c r="AB27" s="688"/>
      <c r="AC27" s="688"/>
      <c r="AD27" s="689">
        <v>13999</v>
      </c>
      <c r="AE27" s="689"/>
      <c r="AF27" s="689"/>
      <c r="AG27" s="689"/>
      <c r="AH27" s="689"/>
      <c r="AI27" s="689"/>
      <c r="AJ27" s="689"/>
      <c r="AK27" s="689"/>
      <c r="AL27" s="690">
        <v>0.1</v>
      </c>
      <c r="AM27" s="691"/>
      <c r="AN27" s="691"/>
      <c r="AO27" s="692"/>
      <c r="AP27" s="682" t="s">
        <v>296</v>
      </c>
      <c r="AQ27" s="683"/>
      <c r="AR27" s="683"/>
      <c r="AS27" s="683"/>
      <c r="AT27" s="683"/>
      <c r="AU27" s="683"/>
      <c r="AV27" s="683"/>
      <c r="AW27" s="683"/>
      <c r="AX27" s="683"/>
      <c r="AY27" s="683"/>
      <c r="AZ27" s="683"/>
      <c r="BA27" s="683"/>
      <c r="BB27" s="683"/>
      <c r="BC27" s="683"/>
      <c r="BD27" s="683"/>
      <c r="BE27" s="683"/>
      <c r="BF27" s="684"/>
      <c r="BG27" s="685">
        <v>13014635</v>
      </c>
      <c r="BH27" s="686"/>
      <c r="BI27" s="686"/>
      <c r="BJ27" s="686"/>
      <c r="BK27" s="686"/>
      <c r="BL27" s="686"/>
      <c r="BM27" s="686"/>
      <c r="BN27" s="687"/>
      <c r="BO27" s="688">
        <v>100</v>
      </c>
      <c r="BP27" s="688"/>
      <c r="BQ27" s="688"/>
      <c r="BR27" s="688"/>
      <c r="BS27" s="694">
        <v>55478</v>
      </c>
      <c r="BT27" s="686"/>
      <c r="BU27" s="686"/>
      <c r="BV27" s="686"/>
      <c r="BW27" s="686"/>
      <c r="BX27" s="686"/>
      <c r="BY27" s="686"/>
      <c r="BZ27" s="686"/>
      <c r="CA27" s="686"/>
      <c r="CB27" s="695"/>
      <c r="CD27" s="700" t="s">
        <v>297</v>
      </c>
      <c r="CE27" s="701"/>
      <c r="CF27" s="701"/>
      <c r="CG27" s="701"/>
      <c r="CH27" s="701"/>
      <c r="CI27" s="701"/>
      <c r="CJ27" s="701"/>
      <c r="CK27" s="701"/>
      <c r="CL27" s="701"/>
      <c r="CM27" s="701"/>
      <c r="CN27" s="701"/>
      <c r="CO27" s="701"/>
      <c r="CP27" s="701"/>
      <c r="CQ27" s="702"/>
      <c r="CR27" s="685">
        <v>7674874</v>
      </c>
      <c r="CS27" s="721"/>
      <c r="CT27" s="721"/>
      <c r="CU27" s="721"/>
      <c r="CV27" s="721"/>
      <c r="CW27" s="721"/>
      <c r="CX27" s="721"/>
      <c r="CY27" s="722"/>
      <c r="CZ27" s="690">
        <v>20.7</v>
      </c>
      <c r="DA27" s="719"/>
      <c r="DB27" s="719"/>
      <c r="DC27" s="723"/>
      <c r="DD27" s="694">
        <v>2167101</v>
      </c>
      <c r="DE27" s="721"/>
      <c r="DF27" s="721"/>
      <c r="DG27" s="721"/>
      <c r="DH27" s="721"/>
      <c r="DI27" s="721"/>
      <c r="DJ27" s="721"/>
      <c r="DK27" s="722"/>
      <c r="DL27" s="694">
        <v>2166855</v>
      </c>
      <c r="DM27" s="721"/>
      <c r="DN27" s="721"/>
      <c r="DO27" s="721"/>
      <c r="DP27" s="721"/>
      <c r="DQ27" s="721"/>
      <c r="DR27" s="721"/>
      <c r="DS27" s="721"/>
      <c r="DT27" s="721"/>
      <c r="DU27" s="721"/>
      <c r="DV27" s="722"/>
      <c r="DW27" s="690">
        <v>12.6</v>
      </c>
      <c r="DX27" s="719"/>
      <c r="DY27" s="719"/>
      <c r="DZ27" s="719"/>
      <c r="EA27" s="719"/>
      <c r="EB27" s="719"/>
      <c r="EC27" s="720"/>
    </row>
    <row r="28" spans="2:133" ht="11.25" customHeight="1" x14ac:dyDescent="0.2">
      <c r="B28" s="682" t="s">
        <v>298</v>
      </c>
      <c r="C28" s="683"/>
      <c r="D28" s="683"/>
      <c r="E28" s="683"/>
      <c r="F28" s="683"/>
      <c r="G28" s="683"/>
      <c r="H28" s="683"/>
      <c r="I28" s="683"/>
      <c r="J28" s="683"/>
      <c r="K28" s="683"/>
      <c r="L28" s="683"/>
      <c r="M28" s="683"/>
      <c r="N28" s="683"/>
      <c r="O28" s="683"/>
      <c r="P28" s="683"/>
      <c r="Q28" s="684"/>
      <c r="R28" s="685">
        <v>138005</v>
      </c>
      <c r="S28" s="686"/>
      <c r="T28" s="686"/>
      <c r="U28" s="686"/>
      <c r="V28" s="686"/>
      <c r="W28" s="686"/>
      <c r="X28" s="686"/>
      <c r="Y28" s="687"/>
      <c r="Z28" s="688">
        <v>0.4</v>
      </c>
      <c r="AA28" s="688"/>
      <c r="AB28" s="688"/>
      <c r="AC28" s="688"/>
      <c r="AD28" s="689" t="s">
        <v>128</v>
      </c>
      <c r="AE28" s="689"/>
      <c r="AF28" s="689"/>
      <c r="AG28" s="689"/>
      <c r="AH28" s="689"/>
      <c r="AI28" s="689"/>
      <c r="AJ28" s="689"/>
      <c r="AK28" s="689"/>
      <c r="AL28" s="690" t="s">
        <v>128</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299</v>
      </c>
      <c r="CE28" s="701"/>
      <c r="CF28" s="701"/>
      <c r="CG28" s="701"/>
      <c r="CH28" s="701"/>
      <c r="CI28" s="701"/>
      <c r="CJ28" s="701"/>
      <c r="CK28" s="701"/>
      <c r="CL28" s="701"/>
      <c r="CM28" s="701"/>
      <c r="CN28" s="701"/>
      <c r="CO28" s="701"/>
      <c r="CP28" s="701"/>
      <c r="CQ28" s="702"/>
      <c r="CR28" s="685">
        <v>2012529</v>
      </c>
      <c r="CS28" s="686"/>
      <c r="CT28" s="686"/>
      <c r="CU28" s="686"/>
      <c r="CV28" s="686"/>
      <c r="CW28" s="686"/>
      <c r="CX28" s="686"/>
      <c r="CY28" s="687"/>
      <c r="CZ28" s="690">
        <v>5.4</v>
      </c>
      <c r="DA28" s="719"/>
      <c r="DB28" s="719"/>
      <c r="DC28" s="723"/>
      <c r="DD28" s="694">
        <v>2012529</v>
      </c>
      <c r="DE28" s="686"/>
      <c r="DF28" s="686"/>
      <c r="DG28" s="686"/>
      <c r="DH28" s="686"/>
      <c r="DI28" s="686"/>
      <c r="DJ28" s="686"/>
      <c r="DK28" s="687"/>
      <c r="DL28" s="694">
        <v>2012529</v>
      </c>
      <c r="DM28" s="686"/>
      <c r="DN28" s="686"/>
      <c r="DO28" s="686"/>
      <c r="DP28" s="686"/>
      <c r="DQ28" s="686"/>
      <c r="DR28" s="686"/>
      <c r="DS28" s="686"/>
      <c r="DT28" s="686"/>
      <c r="DU28" s="686"/>
      <c r="DV28" s="687"/>
      <c r="DW28" s="690">
        <v>11.7</v>
      </c>
      <c r="DX28" s="719"/>
      <c r="DY28" s="719"/>
      <c r="DZ28" s="719"/>
      <c r="EA28" s="719"/>
      <c r="EB28" s="719"/>
      <c r="EC28" s="720"/>
    </row>
    <row r="29" spans="2:133" ht="11.25" customHeight="1" x14ac:dyDescent="0.2">
      <c r="B29" s="682" t="s">
        <v>300</v>
      </c>
      <c r="C29" s="683"/>
      <c r="D29" s="683"/>
      <c r="E29" s="683"/>
      <c r="F29" s="683"/>
      <c r="G29" s="683"/>
      <c r="H29" s="683"/>
      <c r="I29" s="683"/>
      <c r="J29" s="683"/>
      <c r="K29" s="683"/>
      <c r="L29" s="683"/>
      <c r="M29" s="683"/>
      <c r="N29" s="683"/>
      <c r="O29" s="683"/>
      <c r="P29" s="683"/>
      <c r="Q29" s="684"/>
      <c r="R29" s="685">
        <v>101870</v>
      </c>
      <c r="S29" s="686"/>
      <c r="T29" s="686"/>
      <c r="U29" s="686"/>
      <c r="V29" s="686"/>
      <c r="W29" s="686"/>
      <c r="X29" s="686"/>
      <c r="Y29" s="687"/>
      <c r="Z29" s="688">
        <v>0.3</v>
      </c>
      <c r="AA29" s="688"/>
      <c r="AB29" s="688"/>
      <c r="AC29" s="688"/>
      <c r="AD29" s="689">
        <v>55946</v>
      </c>
      <c r="AE29" s="689"/>
      <c r="AF29" s="689"/>
      <c r="AG29" s="689"/>
      <c r="AH29" s="689"/>
      <c r="AI29" s="689"/>
      <c r="AJ29" s="689"/>
      <c r="AK29" s="689"/>
      <c r="AL29" s="690">
        <v>0.3</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1</v>
      </c>
      <c r="CE29" s="726"/>
      <c r="CF29" s="700" t="s">
        <v>70</v>
      </c>
      <c r="CG29" s="701"/>
      <c r="CH29" s="701"/>
      <c r="CI29" s="701"/>
      <c r="CJ29" s="701"/>
      <c r="CK29" s="701"/>
      <c r="CL29" s="701"/>
      <c r="CM29" s="701"/>
      <c r="CN29" s="701"/>
      <c r="CO29" s="701"/>
      <c r="CP29" s="701"/>
      <c r="CQ29" s="702"/>
      <c r="CR29" s="685">
        <v>2012529</v>
      </c>
      <c r="CS29" s="721"/>
      <c r="CT29" s="721"/>
      <c r="CU29" s="721"/>
      <c r="CV29" s="721"/>
      <c r="CW29" s="721"/>
      <c r="CX29" s="721"/>
      <c r="CY29" s="722"/>
      <c r="CZ29" s="690">
        <v>5.4</v>
      </c>
      <c r="DA29" s="719"/>
      <c r="DB29" s="719"/>
      <c r="DC29" s="723"/>
      <c r="DD29" s="694">
        <v>2012529</v>
      </c>
      <c r="DE29" s="721"/>
      <c r="DF29" s="721"/>
      <c r="DG29" s="721"/>
      <c r="DH29" s="721"/>
      <c r="DI29" s="721"/>
      <c r="DJ29" s="721"/>
      <c r="DK29" s="722"/>
      <c r="DL29" s="694">
        <v>2012529</v>
      </c>
      <c r="DM29" s="721"/>
      <c r="DN29" s="721"/>
      <c r="DO29" s="721"/>
      <c r="DP29" s="721"/>
      <c r="DQ29" s="721"/>
      <c r="DR29" s="721"/>
      <c r="DS29" s="721"/>
      <c r="DT29" s="721"/>
      <c r="DU29" s="721"/>
      <c r="DV29" s="722"/>
      <c r="DW29" s="690">
        <v>11.7</v>
      </c>
      <c r="DX29" s="719"/>
      <c r="DY29" s="719"/>
      <c r="DZ29" s="719"/>
      <c r="EA29" s="719"/>
      <c r="EB29" s="719"/>
      <c r="EC29" s="720"/>
    </row>
    <row r="30" spans="2:133" ht="11.25" customHeight="1" x14ac:dyDescent="0.2">
      <c r="B30" s="682" t="s">
        <v>302</v>
      </c>
      <c r="C30" s="683"/>
      <c r="D30" s="683"/>
      <c r="E30" s="683"/>
      <c r="F30" s="683"/>
      <c r="G30" s="683"/>
      <c r="H30" s="683"/>
      <c r="I30" s="683"/>
      <c r="J30" s="683"/>
      <c r="K30" s="683"/>
      <c r="L30" s="683"/>
      <c r="M30" s="683"/>
      <c r="N30" s="683"/>
      <c r="O30" s="683"/>
      <c r="P30" s="683"/>
      <c r="Q30" s="684"/>
      <c r="R30" s="685">
        <v>71058</v>
      </c>
      <c r="S30" s="686"/>
      <c r="T30" s="686"/>
      <c r="U30" s="686"/>
      <c r="V30" s="686"/>
      <c r="W30" s="686"/>
      <c r="X30" s="686"/>
      <c r="Y30" s="687"/>
      <c r="Z30" s="688">
        <v>0.2</v>
      </c>
      <c r="AA30" s="688"/>
      <c r="AB30" s="688"/>
      <c r="AC30" s="688"/>
      <c r="AD30" s="689" t="s">
        <v>177</v>
      </c>
      <c r="AE30" s="689"/>
      <c r="AF30" s="689"/>
      <c r="AG30" s="689"/>
      <c r="AH30" s="689"/>
      <c r="AI30" s="689"/>
      <c r="AJ30" s="689"/>
      <c r="AK30" s="689"/>
      <c r="AL30" s="690" t="s">
        <v>128</v>
      </c>
      <c r="AM30" s="691"/>
      <c r="AN30" s="691"/>
      <c r="AO30" s="692"/>
      <c r="AP30" s="664" t="s">
        <v>219</v>
      </c>
      <c r="AQ30" s="665"/>
      <c r="AR30" s="665"/>
      <c r="AS30" s="665"/>
      <c r="AT30" s="665"/>
      <c r="AU30" s="665"/>
      <c r="AV30" s="665"/>
      <c r="AW30" s="665"/>
      <c r="AX30" s="665"/>
      <c r="AY30" s="665"/>
      <c r="AZ30" s="665"/>
      <c r="BA30" s="665"/>
      <c r="BB30" s="665"/>
      <c r="BC30" s="665"/>
      <c r="BD30" s="665"/>
      <c r="BE30" s="665"/>
      <c r="BF30" s="666"/>
      <c r="BG30" s="664" t="s">
        <v>303</v>
      </c>
      <c r="BH30" s="738"/>
      <c r="BI30" s="738"/>
      <c r="BJ30" s="738"/>
      <c r="BK30" s="738"/>
      <c r="BL30" s="738"/>
      <c r="BM30" s="738"/>
      <c r="BN30" s="738"/>
      <c r="BO30" s="738"/>
      <c r="BP30" s="738"/>
      <c r="BQ30" s="739"/>
      <c r="BR30" s="664" t="s">
        <v>304</v>
      </c>
      <c r="BS30" s="738"/>
      <c r="BT30" s="738"/>
      <c r="BU30" s="738"/>
      <c r="BV30" s="738"/>
      <c r="BW30" s="738"/>
      <c r="BX30" s="738"/>
      <c r="BY30" s="738"/>
      <c r="BZ30" s="738"/>
      <c r="CA30" s="738"/>
      <c r="CB30" s="739"/>
      <c r="CD30" s="727"/>
      <c r="CE30" s="728"/>
      <c r="CF30" s="700" t="s">
        <v>305</v>
      </c>
      <c r="CG30" s="701"/>
      <c r="CH30" s="701"/>
      <c r="CI30" s="701"/>
      <c r="CJ30" s="701"/>
      <c r="CK30" s="701"/>
      <c r="CL30" s="701"/>
      <c r="CM30" s="701"/>
      <c r="CN30" s="701"/>
      <c r="CO30" s="701"/>
      <c r="CP30" s="701"/>
      <c r="CQ30" s="702"/>
      <c r="CR30" s="685">
        <v>1935814</v>
      </c>
      <c r="CS30" s="686"/>
      <c r="CT30" s="686"/>
      <c r="CU30" s="686"/>
      <c r="CV30" s="686"/>
      <c r="CW30" s="686"/>
      <c r="CX30" s="686"/>
      <c r="CY30" s="687"/>
      <c r="CZ30" s="690">
        <v>5.2</v>
      </c>
      <c r="DA30" s="719"/>
      <c r="DB30" s="719"/>
      <c r="DC30" s="723"/>
      <c r="DD30" s="694">
        <v>1935814</v>
      </c>
      <c r="DE30" s="686"/>
      <c r="DF30" s="686"/>
      <c r="DG30" s="686"/>
      <c r="DH30" s="686"/>
      <c r="DI30" s="686"/>
      <c r="DJ30" s="686"/>
      <c r="DK30" s="687"/>
      <c r="DL30" s="694">
        <v>1935814</v>
      </c>
      <c r="DM30" s="686"/>
      <c r="DN30" s="686"/>
      <c r="DO30" s="686"/>
      <c r="DP30" s="686"/>
      <c r="DQ30" s="686"/>
      <c r="DR30" s="686"/>
      <c r="DS30" s="686"/>
      <c r="DT30" s="686"/>
      <c r="DU30" s="686"/>
      <c r="DV30" s="687"/>
      <c r="DW30" s="690">
        <v>11.2</v>
      </c>
      <c r="DX30" s="719"/>
      <c r="DY30" s="719"/>
      <c r="DZ30" s="719"/>
      <c r="EA30" s="719"/>
      <c r="EB30" s="719"/>
      <c r="EC30" s="720"/>
    </row>
    <row r="31" spans="2:133" ht="11.25" customHeight="1" x14ac:dyDescent="0.2">
      <c r="B31" s="682" t="s">
        <v>306</v>
      </c>
      <c r="C31" s="683"/>
      <c r="D31" s="683"/>
      <c r="E31" s="683"/>
      <c r="F31" s="683"/>
      <c r="G31" s="683"/>
      <c r="H31" s="683"/>
      <c r="I31" s="683"/>
      <c r="J31" s="683"/>
      <c r="K31" s="683"/>
      <c r="L31" s="683"/>
      <c r="M31" s="683"/>
      <c r="N31" s="683"/>
      <c r="O31" s="683"/>
      <c r="P31" s="683"/>
      <c r="Q31" s="684"/>
      <c r="R31" s="685">
        <v>14939033</v>
      </c>
      <c r="S31" s="686"/>
      <c r="T31" s="686"/>
      <c r="U31" s="686"/>
      <c r="V31" s="686"/>
      <c r="W31" s="686"/>
      <c r="X31" s="686"/>
      <c r="Y31" s="687"/>
      <c r="Z31" s="688">
        <v>38.6</v>
      </c>
      <c r="AA31" s="688"/>
      <c r="AB31" s="688"/>
      <c r="AC31" s="688"/>
      <c r="AD31" s="689" t="s">
        <v>236</v>
      </c>
      <c r="AE31" s="689"/>
      <c r="AF31" s="689"/>
      <c r="AG31" s="689"/>
      <c r="AH31" s="689"/>
      <c r="AI31" s="689"/>
      <c r="AJ31" s="689"/>
      <c r="AK31" s="689"/>
      <c r="AL31" s="690" t="s">
        <v>236</v>
      </c>
      <c r="AM31" s="691"/>
      <c r="AN31" s="691"/>
      <c r="AO31" s="692"/>
      <c r="AP31" s="742" t="s">
        <v>307</v>
      </c>
      <c r="AQ31" s="743"/>
      <c r="AR31" s="743"/>
      <c r="AS31" s="743"/>
      <c r="AT31" s="748" t="s">
        <v>308</v>
      </c>
      <c r="AU31" s="231"/>
      <c r="AV31" s="231"/>
      <c r="AW31" s="231"/>
      <c r="AX31" s="671" t="s">
        <v>185</v>
      </c>
      <c r="AY31" s="672"/>
      <c r="AZ31" s="672"/>
      <c r="BA31" s="672"/>
      <c r="BB31" s="672"/>
      <c r="BC31" s="672"/>
      <c r="BD31" s="672"/>
      <c r="BE31" s="672"/>
      <c r="BF31" s="673"/>
      <c r="BG31" s="753">
        <v>99.1</v>
      </c>
      <c r="BH31" s="740"/>
      <c r="BI31" s="740"/>
      <c r="BJ31" s="740"/>
      <c r="BK31" s="740"/>
      <c r="BL31" s="740"/>
      <c r="BM31" s="680">
        <v>97.3</v>
      </c>
      <c r="BN31" s="740"/>
      <c r="BO31" s="740"/>
      <c r="BP31" s="740"/>
      <c r="BQ31" s="741"/>
      <c r="BR31" s="753">
        <v>99.2</v>
      </c>
      <c r="BS31" s="740"/>
      <c r="BT31" s="740"/>
      <c r="BU31" s="740"/>
      <c r="BV31" s="740"/>
      <c r="BW31" s="740"/>
      <c r="BX31" s="680">
        <v>97.1</v>
      </c>
      <c r="BY31" s="740"/>
      <c r="BZ31" s="740"/>
      <c r="CA31" s="740"/>
      <c r="CB31" s="741"/>
      <c r="CD31" s="727"/>
      <c r="CE31" s="728"/>
      <c r="CF31" s="700" t="s">
        <v>309</v>
      </c>
      <c r="CG31" s="701"/>
      <c r="CH31" s="701"/>
      <c r="CI31" s="701"/>
      <c r="CJ31" s="701"/>
      <c r="CK31" s="701"/>
      <c r="CL31" s="701"/>
      <c r="CM31" s="701"/>
      <c r="CN31" s="701"/>
      <c r="CO31" s="701"/>
      <c r="CP31" s="701"/>
      <c r="CQ31" s="702"/>
      <c r="CR31" s="685">
        <v>76715</v>
      </c>
      <c r="CS31" s="721"/>
      <c r="CT31" s="721"/>
      <c r="CU31" s="721"/>
      <c r="CV31" s="721"/>
      <c r="CW31" s="721"/>
      <c r="CX31" s="721"/>
      <c r="CY31" s="722"/>
      <c r="CZ31" s="690">
        <v>0.2</v>
      </c>
      <c r="DA31" s="719"/>
      <c r="DB31" s="719"/>
      <c r="DC31" s="723"/>
      <c r="DD31" s="694">
        <v>76715</v>
      </c>
      <c r="DE31" s="721"/>
      <c r="DF31" s="721"/>
      <c r="DG31" s="721"/>
      <c r="DH31" s="721"/>
      <c r="DI31" s="721"/>
      <c r="DJ31" s="721"/>
      <c r="DK31" s="722"/>
      <c r="DL31" s="694">
        <v>76715</v>
      </c>
      <c r="DM31" s="721"/>
      <c r="DN31" s="721"/>
      <c r="DO31" s="721"/>
      <c r="DP31" s="721"/>
      <c r="DQ31" s="721"/>
      <c r="DR31" s="721"/>
      <c r="DS31" s="721"/>
      <c r="DT31" s="721"/>
      <c r="DU31" s="721"/>
      <c r="DV31" s="722"/>
      <c r="DW31" s="690">
        <v>0.4</v>
      </c>
      <c r="DX31" s="719"/>
      <c r="DY31" s="719"/>
      <c r="DZ31" s="719"/>
      <c r="EA31" s="719"/>
      <c r="EB31" s="719"/>
      <c r="EC31" s="720"/>
    </row>
    <row r="32" spans="2:133" ht="11.25" customHeight="1" x14ac:dyDescent="0.2">
      <c r="B32" s="731" t="s">
        <v>310</v>
      </c>
      <c r="C32" s="732"/>
      <c r="D32" s="732"/>
      <c r="E32" s="732"/>
      <c r="F32" s="732"/>
      <c r="G32" s="732"/>
      <c r="H32" s="732"/>
      <c r="I32" s="732"/>
      <c r="J32" s="732"/>
      <c r="K32" s="732"/>
      <c r="L32" s="732"/>
      <c r="M32" s="732"/>
      <c r="N32" s="732"/>
      <c r="O32" s="732"/>
      <c r="P32" s="732"/>
      <c r="Q32" s="733"/>
      <c r="R32" s="685">
        <v>1240299</v>
      </c>
      <c r="S32" s="686"/>
      <c r="T32" s="686"/>
      <c r="U32" s="686"/>
      <c r="V32" s="686"/>
      <c r="W32" s="686"/>
      <c r="X32" s="686"/>
      <c r="Y32" s="687"/>
      <c r="Z32" s="688">
        <v>3.2</v>
      </c>
      <c r="AA32" s="688"/>
      <c r="AB32" s="688"/>
      <c r="AC32" s="688"/>
      <c r="AD32" s="689">
        <v>1240299</v>
      </c>
      <c r="AE32" s="689"/>
      <c r="AF32" s="689"/>
      <c r="AG32" s="689"/>
      <c r="AH32" s="689"/>
      <c r="AI32" s="689"/>
      <c r="AJ32" s="689"/>
      <c r="AK32" s="689"/>
      <c r="AL32" s="690">
        <v>7.3</v>
      </c>
      <c r="AM32" s="691"/>
      <c r="AN32" s="691"/>
      <c r="AO32" s="692"/>
      <c r="AP32" s="744"/>
      <c r="AQ32" s="745"/>
      <c r="AR32" s="745"/>
      <c r="AS32" s="745"/>
      <c r="AT32" s="749"/>
      <c r="AU32" s="230" t="s">
        <v>311</v>
      </c>
      <c r="AV32" s="230"/>
      <c r="AW32" s="230"/>
      <c r="AX32" s="682" t="s">
        <v>312</v>
      </c>
      <c r="AY32" s="683"/>
      <c r="AZ32" s="683"/>
      <c r="BA32" s="683"/>
      <c r="BB32" s="683"/>
      <c r="BC32" s="683"/>
      <c r="BD32" s="683"/>
      <c r="BE32" s="683"/>
      <c r="BF32" s="684"/>
      <c r="BG32" s="754">
        <v>98.7</v>
      </c>
      <c r="BH32" s="721"/>
      <c r="BI32" s="721"/>
      <c r="BJ32" s="721"/>
      <c r="BK32" s="721"/>
      <c r="BL32" s="721"/>
      <c r="BM32" s="691">
        <v>95.6</v>
      </c>
      <c r="BN32" s="751"/>
      <c r="BO32" s="751"/>
      <c r="BP32" s="751"/>
      <c r="BQ32" s="752"/>
      <c r="BR32" s="754">
        <v>98.8</v>
      </c>
      <c r="BS32" s="721"/>
      <c r="BT32" s="721"/>
      <c r="BU32" s="721"/>
      <c r="BV32" s="721"/>
      <c r="BW32" s="721"/>
      <c r="BX32" s="691">
        <v>95.3</v>
      </c>
      <c r="BY32" s="751"/>
      <c r="BZ32" s="751"/>
      <c r="CA32" s="751"/>
      <c r="CB32" s="752"/>
      <c r="CD32" s="729"/>
      <c r="CE32" s="730"/>
      <c r="CF32" s="700" t="s">
        <v>313</v>
      </c>
      <c r="CG32" s="701"/>
      <c r="CH32" s="701"/>
      <c r="CI32" s="701"/>
      <c r="CJ32" s="701"/>
      <c r="CK32" s="701"/>
      <c r="CL32" s="701"/>
      <c r="CM32" s="701"/>
      <c r="CN32" s="701"/>
      <c r="CO32" s="701"/>
      <c r="CP32" s="701"/>
      <c r="CQ32" s="702"/>
      <c r="CR32" s="685" t="s">
        <v>236</v>
      </c>
      <c r="CS32" s="686"/>
      <c r="CT32" s="686"/>
      <c r="CU32" s="686"/>
      <c r="CV32" s="686"/>
      <c r="CW32" s="686"/>
      <c r="CX32" s="686"/>
      <c r="CY32" s="687"/>
      <c r="CZ32" s="690" t="s">
        <v>128</v>
      </c>
      <c r="DA32" s="719"/>
      <c r="DB32" s="719"/>
      <c r="DC32" s="723"/>
      <c r="DD32" s="694" t="s">
        <v>236</v>
      </c>
      <c r="DE32" s="686"/>
      <c r="DF32" s="686"/>
      <c r="DG32" s="686"/>
      <c r="DH32" s="686"/>
      <c r="DI32" s="686"/>
      <c r="DJ32" s="686"/>
      <c r="DK32" s="687"/>
      <c r="DL32" s="694" t="s">
        <v>236</v>
      </c>
      <c r="DM32" s="686"/>
      <c r="DN32" s="686"/>
      <c r="DO32" s="686"/>
      <c r="DP32" s="686"/>
      <c r="DQ32" s="686"/>
      <c r="DR32" s="686"/>
      <c r="DS32" s="686"/>
      <c r="DT32" s="686"/>
      <c r="DU32" s="686"/>
      <c r="DV32" s="687"/>
      <c r="DW32" s="690" t="s">
        <v>236</v>
      </c>
      <c r="DX32" s="719"/>
      <c r="DY32" s="719"/>
      <c r="DZ32" s="719"/>
      <c r="EA32" s="719"/>
      <c r="EB32" s="719"/>
      <c r="EC32" s="720"/>
    </row>
    <row r="33" spans="2:133" ht="11.25" customHeight="1" x14ac:dyDescent="0.2">
      <c r="B33" s="682" t="s">
        <v>314</v>
      </c>
      <c r="C33" s="683"/>
      <c r="D33" s="683"/>
      <c r="E33" s="683"/>
      <c r="F33" s="683"/>
      <c r="G33" s="683"/>
      <c r="H33" s="683"/>
      <c r="I33" s="683"/>
      <c r="J33" s="683"/>
      <c r="K33" s="683"/>
      <c r="L33" s="683"/>
      <c r="M33" s="683"/>
      <c r="N33" s="683"/>
      <c r="O33" s="683"/>
      <c r="P33" s="683"/>
      <c r="Q33" s="684"/>
      <c r="R33" s="685">
        <v>2174143</v>
      </c>
      <c r="S33" s="686"/>
      <c r="T33" s="686"/>
      <c r="U33" s="686"/>
      <c r="V33" s="686"/>
      <c r="W33" s="686"/>
      <c r="X33" s="686"/>
      <c r="Y33" s="687"/>
      <c r="Z33" s="688">
        <v>5.6</v>
      </c>
      <c r="AA33" s="688"/>
      <c r="AB33" s="688"/>
      <c r="AC33" s="688"/>
      <c r="AD33" s="689" t="s">
        <v>236</v>
      </c>
      <c r="AE33" s="689"/>
      <c r="AF33" s="689"/>
      <c r="AG33" s="689"/>
      <c r="AH33" s="689"/>
      <c r="AI33" s="689"/>
      <c r="AJ33" s="689"/>
      <c r="AK33" s="689"/>
      <c r="AL33" s="690" t="s">
        <v>236</v>
      </c>
      <c r="AM33" s="691"/>
      <c r="AN33" s="691"/>
      <c r="AO33" s="692"/>
      <c r="AP33" s="746"/>
      <c r="AQ33" s="747"/>
      <c r="AR33" s="747"/>
      <c r="AS33" s="747"/>
      <c r="AT33" s="750"/>
      <c r="AU33" s="232"/>
      <c r="AV33" s="232"/>
      <c r="AW33" s="232"/>
      <c r="AX33" s="735" t="s">
        <v>315</v>
      </c>
      <c r="AY33" s="736"/>
      <c r="AZ33" s="736"/>
      <c r="BA33" s="736"/>
      <c r="BB33" s="736"/>
      <c r="BC33" s="736"/>
      <c r="BD33" s="736"/>
      <c r="BE33" s="736"/>
      <c r="BF33" s="737"/>
      <c r="BG33" s="755">
        <v>99.4</v>
      </c>
      <c r="BH33" s="756"/>
      <c r="BI33" s="756"/>
      <c r="BJ33" s="756"/>
      <c r="BK33" s="756"/>
      <c r="BL33" s="756"/>
      <c r="BM33" s="757">
        <v>98.5</v>
      </c>
      <c r="BN33" s="756"/>
      <c r="BO33" s="756"/>
      <c r="BP33" s="756"/>
      <c r="BQ33" s="758"/>
      <c r="BR33" s="755">
        <v>99.6</v>
      </c>
      <c r="BS33" s="756"/>
      <c r="BT33" s="756"/>
      <c r="BU33" s="756"/>
      <c r="BV33" s="756"/>
      <c r="BW33" s="756"/>
      <c r="BX33" s="757">
        <v>98.5</v>
      </c>
      <c r="BY33" s="756"/>
      <c r="BZ33" s="756"/>
      <c r="CA33" s="756"/>
      <c r="CB33" s="758"/>
      <c r="CD33" s="700" t="s">
        <v>316</v>
      </c>
      <c r="CE33" s="701"/>
      <c r="CF33" s="701"/>
      <c r="CG33" s="701"/>
      <c r="CH33" s="701"/>
      <c r="CI33" s="701"/>
      <c r="CJ33" s="701"/>
      <c r="CK33" s="701"/>
      <c r="CL33" s="701"/>
      <c r="CM33" s="701"/>
      <c r="CN33" s="701"/>
      <c r="CO33" s="701"/>
      <c r="CP33" s="701"/>
      <c r="CQ33" s="702"/>
      <c r="CR33" s="685">
        <v>19022314</v>
      </c>
      <c r="CS33" s="721"/>
      <c r="CT33" s="721"/>
      <c r="CU33" s="721"/>
      <c r="CV33" s="721"/>
      <c r="CW33" s="721"/>
      <c r="CX33" s="721"/>
      <c r="CY33" s="722"/>
      <c r="CZ33" s="690">
        <v>51.3</v>
      </c>
      <c r="DA33" s="719"/>
      <c r="DB33" s="719"/>
      <c r="DC33" s="723"/>
      <c r="DD33" s="694">
        <v>8619554</v>
      </c>
      <c r="DE33" s="721"/>
      <c r="DF33" s="721"/>
      <c r="DG33" s="721"/>
      <c r="DH33" s="721"/>
      <c r="DI33" s="721"/>
      <c r="DJ33" s="721"/>
      <c r="DK33" s="722"/>
      <c r="DL33" s="694">
        <v>7215288</v>
      </c>
      <c r="DM33" s="721"/>
      <c r="DN33" s="721"/>
      <c r="DO33" s="721"/>
      <c r="DP33" s="721"/>
      <c r="DQ33" s="721"/>
      <c r="DR33" s="721"/>
      <c r="DS33" s="721"/>
      <c r="DT33" s="721"/>
      <c r="DU33" s="721"/>
      <c r="DV33" s="722"/>
      <c r="DW33" s="690">
        <v>41.9</v>
      </c>
      <c r="DX33" s="719"/>
      <c r="DY33" s="719"/>
      <c r="DZ33" s="719"/>
      <c r="EA33" s="719"/>
      <c r="EB33" s="719"/>
      <c r="EC33" s="720"/>
    </row>
    <row r="34" spans="2:133" ht="11.25" customHeight="1" x14ac:dyDescent="0.2">
      <c r="B34" s="682" t="s">
        <v>317</v>
      </c>
      <c r="C34" s="683"/>
      <c r="D34" s="683"/>
      <c r="E34" s="683"/>
      <c r="F34" s="683"/>
      <c r="G34" s="683"/>
      <c r="H34" s="683"/>
      <c r="I34" s="683"/>
      <c r="J34" s="683"/>
      <c r="K34" s="683"/>
      <c r="L34" s="683"/>
      <c r="M34" s="683"/>
      <c r="N34" s="683"/>
      <c r="O34" s="683"/>
      <c r="P34" s="683"/>
      <c r="Q34" s="684"/>
      <c r="R34" s="685">
        <v>95192</v>
      </c>
      <c r="S34" s="686"/>
      <c r="T34" s="686"/>
      <c r="U34" s="686"/>
      <c r="V34" s="686"/>
      <c r="W34" s="686"/>
      <c r="X34" s="686"/>
      <c r="Y34" s="687"/>
      <c r="Z34" s="688">
        <v>0.2</v>
      </c>
      <c r="AA34" s="688"/>
      <c r="AB34" s="688"/>
      <c r="AC34" s="688"/>
      <c r="AD34" s="689">
        <v>61332</v>
      </c>
      <c r="AE34" s="689"/>
      <c r="AF34" s="689"/>
      <c r="AG34" s="689"/>
      <c r="AH34" s="689"/>
      <c r="AI34" s="689"/>
      <c r="AJ34" s="689"/>
      <c r="AK34" s="689"/>
      <c r="AL34" s="690">
        <v>0.4</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18</v>
      </c>
      <c r="CE34" s="701"/>
      <c r="CF34" s="701"/>
      <c r="CG34" s="701"/>
      <c r="CH34" s="701"/>
      <c r="CI34" s="701"/>
      <c r="CJ34" s="701"/>
      <c r="CK34" s="701"/>
      <c r="CL34" s="701"/>
      <c r="CM34" s="701"/>
      <c r="CN34" s="701"/>
      <c r="CO34" s="701"/>
      <c r="CP34" s="701"/>
      <c r="CQ34" s="702"/>
      <c r="CR34" s="685">
        <v>4402157</v>
      </c>
      <c r="CS34" s="686"/>
      <c r="CT34" s="686"/>
      <c r="CU34" s="686"/>
      <c r="CV34" s="686"/>
      <c r="CW34" s="686"/>
      <c r="CX34" s="686"/>
      <c r="CY34" s="687"/>
      <c r="CZ34" s="690">
        <v>11.9</v>
      </c>
      <c r="DA34" s="719"/>
      <c r="DB34" s="719"/>
      <c r="DC34" s="723"/>
      <c r="DD34" s="694">
        <v>3473372</v>
      </c>
      <c r="DE34" s="686"/>
      <c r="DF34" s="686"/>
      <c r="DG34" s="686"/>
      <c r="DH34" s="686"/>
      <c r="DI34" s="686"/>
      <c r="DJ34" s="686"/>
      <c r="DK34" s="687"/>
      <c r="DL34" s="694">
        <v>3286428</v>
      </c>
      <c r="DM34" s="686"/>
      <c r="DN34" s="686"/>
      <c r="DO34" s="686"/>
      <c r="DP34" s="686"/>
      <c r="DQ34" s="686"/>
      <c r="DR34" s="686"/>
      <c r="DS34" s="686"/>
      <c r="DT34" s="686"/>
      <c r="DU34" s="686"/>
      <c r="DV34" s="687"/>
      <c r="DW34" s="690">
        <v>19.100000000000001</v>
      </c>
      <c r="DX34" s="719"/>
      <c r="DY34" s="719"/>
      <c r="DZ34" s="719"/>
      <c r="EA34" s="719"/>
      <c r="EB34" s="719"/>
      <c r="EC34" s="720"/>
    </row>
    <row r="35" spans="2:133" ht="11.25" customHeight="1" x14ac:dyDescent="0.2">
      <c r="B35" s="682" t="s">
        <v>319</v>
      </c>
      <c r="C35" s="683"/>
      <c r="D35" s="683"/>
      <c r="E35" s="683"/>
      <c r="F35" s="683"/>
      <c r="G35" s="683"/>
      <c r="H35" s="683"/>
      <c r="I35" s="683"/>
      <c r="J35" s="683"/>
      <c r="K35" s="683"/>
      <c r="L35" s="683"/>
      <c r="M35" s="683"/>
      <c r="N35" s="683"/>
      <c r="O35" s="683"/>
      <c r="P35" s="683"/>
      <c r="Q35" s="684"/>
      <c r="R35" s="685">
        <v>714732</v>
      </c>
      <c r="S35" s="686"/>
      <c r="T35" s="686"/>
      <c r="U35" s="686"/>
      <c r="V35" s="686"/>
      <c r="W35" s="686"/>
      <c r="X35" s="686"/>
      <c r="Y35" s="687"/>
      <c r="Z35" s="688">
        <v>1.8</v>
      </c>
      <c r="AA35" s="688"/>
      <c r="AB35" s="688"/>
      <c r="AC35" s="688"/>
      <c r="AD35" s="689" t="s">
        <v>236</v>
      </c>
      <c r="AE35" s="689"/>
      <c r="AF35" s="689"/>
      <c r="AG35" s="689"/>
      <c r="AH35" s="689"/>
      <c r="AI35" s="689"/>
      <c r="AJ35" s="689"/>
      <c r="AK35" s="689"/>
      <c r="AL35" s="690" t="s">
        <v>128</v>
      </c>
      <c r="AM35" s="691"/>
      <c r="AN35" s="691"/>
      <c r="AO35" s="692"/>
      <c r="AP35" s="235"/>
      <c r="AQ35" s="664" t="s">
        <v>320</v>
      </c>
      <c r="AR35" s="665"/>
      <c r="AS35" s="665"/>
      <c r="AT35" s="665"/>
      <c r="AU35" s="665"/>
      <c r="AV35" s="665"/>
      <c r="AW35" s="665"/>
      <c r="AX35" s="665"/>
      <c r="AY35" s="665"/>
      <c r="AZ35" s="665"/>
      <c r="BA35" s="665"/>
      <c r="BB35" s="665"/>
      <c r="BC35" s="665"/>
      <c r="BD35" s="665"/>
      <c r="BE35" s="665"/>
      <c r="BF35" s="666"/>
      <c r="BG35" s="664" t="s">
        <v>321</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2</v>
      </c>
      <c r="CE35" s="701"/>
      <c r="CF35" s="701"/>
      <c r="CG35" s="701"/>
      <c r="CH35" s="701"/>
      <c r="CI35" s="701"/>
      <c r="CJ35" s="701"/>
      <c r="CK35" s="701"/>
      <c r="CL35" s="701"/>
      <c r="CM35" s="701"/>
      <c r="CN35" s="701"/>
      <c r="CO35" s="701"/>
      <c r="CP35" s="701"/>
      <c r="CQ35" s="702"/>
      <c r="CR35" s="685">
        <v>114063</v>
      </c>
      <c r="CS35" s="721"/>
      <c r="CT35" s="721"/>
      <c r="CU35" s="721"/>
      <c r="CV35" s="721"/>
      <c r="CW35" s="721"/>
      <c r="CX35" s="721"/>
      <c r="CY35" s="722"/>
      <c r="CZ35" s="690">
        <v>0.3</v>
      </c>
      <c r="DA35" s="719"/>
      <c r="DB35" s="719"/>
      <c r="DC35" s="723"/>
      <c r="DD35" s="694">
        <v>108536</v>
      </c>
      <c r="DE35" s="721"/>
      <c r="DF35" s="721"/>
      <c r="DG35" s="721"/>
      <c r="DH35" s="721"/>
      <c r="DI35" s="721"/>
      <c r="DJ35" s="721"/>
      <c r="DK35" s="722"/>
      <c r="DL35" s="694">
        <v>108536</v>
      </c>
      <c r="DM35" s="721"/>
      <c r="DN35" s="721"/>
      <c r="DO35" s="721"/>
      <c r="DP35" s="721"/>
      <c r="DQ35" s="721"/>
      <c r="DR35" s="721"/>
      <c r="DS35" s="721"/>
      <c r="DT35" s="721"/>
      <c r="DU35" s="721"/>
      <c r="DV35" s="722"/>
      <c r="DW35" s="690">
        <v>0.6</v>
      </c>
      <c r="DX35" s="719"/>
      <c r="DY35" s="719"/>
      <c r="DZ35" s="719"/>
      <c r="EA35" s="719"/>
      <c r="EB35" s="719"/>
      <c r="EC35" s="720"/>
    </row>
    <row r="36" spans="2:133" ht="11.25" customHeight="1" x14ac:dyDescent="0.2">
      <c r="B36" s="682" t="s">
        <v>323</v>
      </c>
      <c r="C36" s="683"/>
      <c r="D36" s="683"/>
      <c r="E36" s="683"/>
      <c r="F36" s="683"/>
      <c r="G36" s="683"/>
      <c r="H36" s="683"/>
      <c r="I36" s="683"/>
      <c r="J36" s="683"/>
      <c r="K36" s="683"/>
      <c r="L36" s="683"/>
      <c r="M36" s="683"/>
      <c r="N36" s="683"/>
      <c r="O36" s="683"/>
      <c r="P36" s="683"/>
      <c r="Q36" s="684"/>
      <c r="R36" s="685">
        <v>361754</v>
      </c>
      <c r="S36" s="686"/>
      <c r="T36" s="686"/>
      <c r="U36" s="686"/>
      <c r="V36" s="686"/>
      <c r="W36" s="686"/>
      <c r="X36" s="686"/>
      <c r="Y36" s="687"/>
      <c r="Z36" s="688">
        <v>0.9</v>
      </c>
      <c r="AA36" s="688"/>
      <c r="AB36" s="688"/>
      <c r="AC36" s="688"/>
      <c r="AD36" s="689" t="s">
        <v>128</v>
      </c>
      <c r="AE36" s="689"/>
      <c r="AF36" s="689"/>
      <c r="AG36" s="689"/>
      <c r="AH36" s="689"/>
      <c r="AI36" s="689"/>
      <c r="AJ36" s="689"/>
      <c r="AK36" s="689"/>
      <c r="AL36" s="690" t="s">
        <v>236</v>
      </c>
      <c r="AM36" s="691"/>
      <c r="AN36" s="691"/>
      <c r="AO36" s="692"/>
      <c r="AP36" s="235"/>
      <c r="AQ36" s="759" t="s">
        <v>324</v>
      </c>
      <c r="AR36" s="760"/>
      <c r="AS36" s="760"/>
      <c r="AT36" s="760"/>
      <c r="AU36" s="760"/>
      <c r="AV36" s="760"/>
      <c r="AW36" s="760"/>
      <c r="AX36" s="760"/>
      <c r="AY36" s="761"/>
      <c r="AZ36" s="674">
        <v>3393096</v>
      </c>
      <c r="BA36" s="675"/>
      <c r="BB36" s="675"/>
      <c r="BC36" s="675"/>
      <c r="BD36" s="675"/>
      <c r="BE36" s="675"/>
      <c r="BF36" s="762"/>
      <c r="BG36" s="696" t="s">
        <v>325</v>
      </c>
      <c r="BH36" s="697"/>
      <c r="BI36" s="697"/>
      <c r="BJ36" s="697"/>
      <c r="BK36" s="697"/>
      <c r="BL36" s="697"/>
      <c r="BM36" s="697"/>
      <c r="BN36" s="697"/>
      <c r="BO36" s="697"/>
      <c r="BP36" s="697"/>
      <c r="BQ36" s="697"/>
      <c r="BR36" s="697"/>
      <c r="BS36" s="697"/>
      <c r="BT36" s="697"/>
      <c r="BU36" s="698"/>
      <c r="BV36" s="674">
        <v>24504</v>
      </c>
      <c r="BW36" s="675"/>
      <c r="BX36" s="675"/>
      <c r="BY36" s="675"/>
      <c r="BZ36" s="675"/>
      <c r="CA36" s="675"/>
      <c r="CB36" s="762"/>
      <c r="CD36" s="700" t="s">
        <v>326</v>
      </c>
      <c r="CE36" s="701"/>
      <c r="CF36" s="701"/>
      <c r="CG36" s="701"/>
      <c r="CH36" s="701"/>
      <c r="CI36" s="701"/>
      <c r="CJ36" s="701"/>
      <c r="CK36" s="701"/>
      <c r="CL36" s="701"/>
      <c r="CM36" s="701"/>
      <c r="CN36" s="701"/>
      <c r="CO36" s="701"/>
      <c r="CP36" s="701"/>
      <c r="CQ36" s="702"/>
      <c r="CR36" s="685">
        <v>11370094</v>
      </c>
      <c r="CS36" s="686"/>
      <c r="CT36" s="686"/>
      <c r="CU36" s="686"/>
      <c r="CV36" s="686"/>
      <c r="CW36" s="686"/>
      <c r="CX36" s="686"/>
      <c r="CY36" s="687"/>
      <c r="CZ36" s="690">
        <v>30.7</v>
      </c>
      <c r="DA36" s="719"/>
      <c r="DB36" s="719"/>
      <c r="DC36" s="723"/>
      <c r="DD36" s="694">
        <v>2519340</v>
      </c>
      <c r="DE36" s="686"/>
      <c r="DF36" s="686"/>
      <c r="DG36" s="686"/>
      <c r="DH36" s="686"/>
      <c r="DI36" s="686"/>
      <c r="DJ36" s="686"/>
      <c r="DK36" s="687"/>
      <c r="DL36" s="694">
        <v>2180262</v>
      </c>
      <c r="DM36" s="686"/>
      <c r="DN36" s="686"/>
      <c r="DO36" s="686"/>
      <c r="DP36" s="686"/>
      <c r="DQ36" s="686"/>
      <c r="DR36" s="686"/>
      <c r="DS36" s="686"/>
      <c r="DT36" s="686"/>
      <c r="DU36" s="686"/>
      <c r="DV36" s="687"/>
      <c r="DW36" s="690">
        <v>12.7</v>
      </c>
      <c r="DX36" s="719"/>
      <c r="DY36" s="719"/>
      <c r="DZ36" s="719"/>
      <c r="EA36" s="719"/>
      <c r="EB36" s="719"/>
      <c r="EC36" s="720"/>
    </row>
    <row r="37" spans="2:133" ht="11.25" customHeight="1" x14ac:dyDescent="0.2">
      <c r="B37" s="682" t="s">
        <v>327</v>
      </c>
      <c r="C37" s="683"/>
      <c r="D37" s="683"/>
      <c r="E37" s="683"/>
      <c r="F37" s="683"/>
      <c r="G37" s="683"/>
      <c r="H37" s="683"/>
      <c r="I37" s="683"/>
      <c r="J37" s="683"/>
      <c r="K37" s="683"/>
      <c r="L37" s="683"/>
      <c r="M37" s="683"/>
      <c r="N37" s="683"/>
      <c r="O37" s="683"/>
      <c r="P37" s="683"/>
      <c r="Q37" s="684"/>
      <c r="R37" s="685">
        <v>992827</v>
      </c>
      <c r="S37" s="686"/>
      <c r="T37" s="686"/>
      <c r="U37" s="686"/>
      <c r="V37" s="686"/>
      <c r="W37" s="686"/>
      <c r="X37" s="686"/>
      <c r="Y37" s="687"/>
      <c r="Z37" s="688">
        <v>2.6</v>
      </c>
      <c r="AA37" s="688"/>
      <c r="AB37" s="688"/>
      <c r="AC37" s="688"/>
      <c r="AD37" s="689" t="s">
        <v>236</v>
      </c>
      <c r="AE37" s="689"/>
      <c r="AF37" s="689"/>
      <c r="AG37" s="689"/>
      <c r="AH37" s="689"/>
      <c r="AI37" s="689"/>
      <c r="AJ37" s="689"/>
      <c r="AK37" s="689"/>
      <c r="AL37" s="690" t="s">
        <v>128</v>
      </c>
      <c r="AM37" s="691"/>
      <c r="AN37" s="691"/>
      <c r="AO37" s="692"/>
      <c r="AQ37" s="763" t="s">
        <v>328</v>
      </c>
      <c r="AR37" s="764"/>
      <c r="AS37" s="764"/>
      <c r="AT37" s="764"/>
      <c r="AU37" s="764"/>
      <c r="AV37" s="764"/>
      <c r="AW37" s="764"/>
      <c r="AX37" s="764"/>
      <c r="AY37" s="765"/>
      <c r="AZ37" s="685">
        <v>970905</v>
      </c>
      <c r="BA37" s="686"/>
      <c r="BB37" s="686"/>
      <c r="BC37" s="686"/>
      <c r="BD37" s="721"/>
      <c r="BE37" s="721"/>
      <c r="BF37" s="752"/>
      <c r="BG37" s="700" t="s">
        <v>329</v>
      </c>
      <c r="BH37" s="701"/>
      <c r="BI37" s="701"/>
      <c r="BJ37" s="701"/>
      <c r="BK37" s="701"/>
      <c r="BL37" s="701"/>
      <c r="BM37" s="701"/>
      <c r="BN37" s="701"/>
      <c r="BO37" s="701"/>
      <c r="BP37" s="701"/>
      <c r="BQ37" s="701"/>
      <c r="BR37" s="701"/>
      <c r="BS37" s="701"/>
      <c r="BT37" s="701"/>
      <c r="BU37" s="702"/>
      <c r="BV37" s="685">
        <v>-209789</v>
      </c>
      <c r="BW37" s="686"/>
      <c r="BX37" s="686"/>
      <c r="BY37" s="686"/>
      <c r="BZ37" s="686"/>
      <c r="CA37" s="686"/>
      <c r="CB37" s="695"/>
      <c r="CD37" s="700" t="s">
        <v>330</v>
      </c>
      <c r="CE37" s="701"/>
      <c r="CF37" s="701"/>
      <c r="CG37" s="701"/>
      <c r="CH37" s="701"/>
      <c r="CI37" s="701"/>
      <c r="CJ37" s="701"/>
      <c r="CK37" s="701"/>
      <c r="CL37" s="701"/>
      <c r="CM37" s="701"/>
      <c r="CN37" s="701"/>
      <c r="CO37" s="701"/>
      <c r="CP37" s="701"/>
      <c r="CQ37" s="702"/>
      <c r="CR37" s="685">
        <v>547833</v>
      </c>
      <c r="CS37" s="721"/>
      <c r="CT37" s="721"/>
      <c r="CU37" s="721"/>
      <c r="CV37" s="721"/>
      <c r="CW37" s="721"/>
      <c r="CX37" s="721"/>
      <c r="CY37" s="722"/>
      <c r="CZ37" s="690">
        <v>1.5</v>
      </c>
      <c r="DA37" s="719"/>
      <c r="DB37" s="719"/>
      <c r="DC37" s="723"/>
      <c r="DD37" s="694">
        <v>544682</v>
      </c>
      <c r="DE37" s="721"/>
      <c r="DF37" s="721"/>
      <c r="DG37" s="721"/>
      <c r="DH37" s="721"/>
      <c r="DI37" s="721"/>
      <c r="DJ37" s="721"/>
      <c r="DK37" s="722"/>
      <c r="DL37" s="694">
        <v>502129</v>
      </c>
      <c r="DM37" s="721"/>
      <c r="DN37" s="721"/>
      <c r="DO37" s="721"/>
      <c r="DP37" s="721"/>
      <c r="DQ37" s="721"/>
      <c r="DR37" s="721"/>
      <c r="DS37" s="721"/>
      <c r="DT37" s="721"/>
      <c r="DU37" s="721"/>
      <c r="DV37" s="722"/>
      <c r="DW37" s="690">
        <v>2.9</v>
      </c>
      <c r="DX37" s="719"/>
      <c r="DY37" s="719"/>
      <c r="DZ37" s="719"/>
      <c r="EA37" s="719"/>
      <c r="EB37" s="719"/>
      <c r="EC37" s="720"/>
    </row>
    <row r="38" spans="2:133" ht="11.25" customHeight="1" x14ac:dyDescent="0.2">
      <c r="B38" s="682" t="s">
        <v>331</v>
      </c>
      <c r="C38" s="683"/>
      <c r="D38" s="683"/>
      <c r="E38" s="683"/>
      <c r="F38" s="683"/>
      <c r="G38" s="683"/>
      <c r="H38" s="683"/>
      <c r="I38" s="683"/>
      <c r="J38" s="683"/>
      <c r="K38" s="683"/>
      <c r="L38" s="683"/>
      <c r="M38" s="683"/>
      <c r="N38" s="683"/>
      <c r="O38" s="683"/>
      <c r="P38" s="683"/>
      <c r="Q38" s="684"/>
      <c r="R38" s="685">
        <v>300740</v>
      </c>
      <c r="S38" s="686"/>
      <c r="T38" s="686"/>
      <c r="U38" s="686"/>
      <c r="V38" s="686"/>
      <c r="W38" s="686"/>
      <c r="X38" s="686"/>
      <c r="Y38" s="687"/>
      <c r="Z38" s="688">
        <v>0.8</v>
      </c>
      <c r="AA38" s="688"/>
      <c r="AB38" s="688"/>
      <c r="AC38" s="688"/>
      <c r="AD38" s="689">
        <v>43</v>
      </c>
      <c r="AE38" s="689"/>
      <c r="AF38" s="689"/>
      <c r="AG38" s="689"/>
      <c r="AH38" s="689"/>
      <c r="AI38" s="689"/>
      <c r="AJ38" s="689"/>
      <c r="AK38" s="689"/>
      <c r="AL38" s="690">
        <v>0</v>
      </c>
      <c r="AM38" s="691"/>
      <c r="AN38" s="691"/>
      <c r="AO38" s="692"/>
      <c r="AQ38" s="763" t="s">
        <v>332</v>
      </c>
      <c r="AR38" s="764"/>
      <c r="AS38" s="764"/>
      <c r="AT38" s="764"/>
      <c r="AU38" s="764"/>
      <c r="AV38" s="764"/>
      <c r="AW38" s="764"/>
      <c r="AX38" s="764"/>
      <c r="AY38" s="765"/>
      <c r="AZ38" s="685">
        <v>5411</v>
      </c>
      <c r="BA38" s="686"/>
      <c r="BB38" s="686"/>
      <c r="BC38" s="686"/>
      <c r="BD38" s="721"/>
      <c r="BE38" s="721"/>
      <c r="BF38" s="752"/>
      <c r="BG38" s="700" t="s">
        <v>333</v>
      </c>
      <c r="BH38" s="701"/>
      <c r="BI38" s="701"/>
      <c r="BJ38" s="701"/>
      <c r="BK38" s="701"/>
      <c r="BL38" s="701"/>
      <c r="BM38" s="701"/>
      <c r="BN38" s="701"/>
      <c r="BO38" s="701"/>
      <c r="BP38" s="701"/>
      <c r="BQ38" s="701"/>
      <c r="BR38" s="701"/>
      <c r="BS38" s="701"/>
      <c r="BT38" s="701"/>
      <c r="BU38" s="702"/>
      <c r="BV38" s="685">
        <v>12145</v>
      </c>
      <c r="BW38" s="686"/>
      <c r="BX38" s="686"/>
      <c r="BY38" s="686"/>
      <c r="BZ38" s="686"/>
      <c r="CA38" s="686"/>
      <c r="CB38" s="695"/>
      <c r="CD38" s="700" t="s">
        <v>334</v>
      </c>
      <c r="CE38" s="701"/>
      <c r="CF38" s="701"/>
      <c r="CG38" s="701"/>
      <c r="CH38" s="701"/>
      <c r="CI38" s="701"/>
      <c r="CJ38" s="701"/>
      <c r="CK38" s="701"/>
      <c r="CL38" s="701"/>
      <c r="CM38" s="701"/>
      <c r="CN38" s="701"/>
      <c r="CO38" s="701"/>
      <c r="CP38" s="701"/>
      <c r="CQ38" s="702"/>
      <c r="CR38" s="685">
        <v>2422191</v>
      </c>
      <c r="CS38" s="686"/>
      <c r="CT38" s="686"/>
      <c r="CU38" s="686"/>
      <c r="CV38" s="686"/>
      <c r="CW38" s="686"/>
      <c r="CX38" s="686"/>
      <c r="CY38" s="687"/>
      <c r="CZ38" s="690">
        <v>6.5</v>
      </c>
      <c r="DA38" s="719"/>
      <c r="DB38" s="719"/>
      <c r="DC38" s="723"/>
      <c r="DD38" s="694">
        <v>2023633</v>
      </c>
      <c r="DE38" s="686"/>
      <c r="DF38" s="686"/>
      <c r="DG38" s="686"/>
      <c r="DH38" s="686"/>
      <c r="DI38" s="686"/>
      <c r="DJ38" s="686"/>
      <c r="DK38" s="687"/>
      <c r="DL38" s="694">
        <v>1632179</v>
      </c>
      <c r="DM38" s="686"/>
      <c r="DN38" s="686"/>
      <c r="DO38" s="686"/>
      <c r="DP38" s="686"/>
      <c r="DQ38" s="686"/>
      <c r="DR38" s="686"/>
      <c r="DS38" s="686"/>
      <c r="DT38" s="686"/>
      <c r="DU38" s="686"/>
      <c r="DV38" s="687"/>
      <c r="DW38" s="690">
        <v>9.5</v>
      </c>
      <c r="DX38" s="719"/>
      <c r="DY38" s="719"/>
      <c r="DZ38" s="719"/>
      <c r="EA38" s="719"/>
      <c r="EB38" s="719"/>
      <c r="EC38" s="720"/>
    </row>
    <row r="39" spans="2:133" ht="11.25" customHeight="1" x14ac:dyDescent="0.2">
      <c r="B39" s="682" t="s">
        <v>335</v>
      </c>
      <c r="C39" s="683"/>
      <c r="D39" s="683"/>
      <c r="E39" s="683"/>
      <c r="F39" s="683"/>
      <c r="G39" s="683"/>
      <c r="H39" s="683"/>
      <c r="I39" s="683"/>
      <c r="J39" s="683"/>
      <c r="K39" s="683"/>
      <c r="L39" s="683"/>
      <c r="M39" s="683"/>
      <c r="N39" s="683"/>
      <c r="O39" s="683"/>
      <c r="P39" s="683"/>
      <c r="Q39" s="684"/>
      <c r="R39" s="685">
        <v>1021100</v>
      </c>
      <c r="S39" s="686"/>
      <c r="T39" s="686"/>
      <c r="U39" s="686"/>
      <c r="V39" s="686"/>
      <c r="W39" s="686"/>
      <c r="X39" s="686"/>
      <c r="Y39" s="687"/>
      <c r="Z39" s="688">
        <v>2.6</v>
      </c>
      <c r="AA39" s="688"/>
      <c r="AB39" s="688"/>
      <c r="AC39" s="688"/>
      <c r="AD39" s="689" t="s">
        <v>128</v>
      </c>
      <c r="AE39" s="689"/>
      <c r="AF39" s="689"/>
      <c r="AG39" s="689"/>
      <c r="AH39" s="689"/>
      <c r="AI39" s="689"/>
      <c r="AJ39" s="689"/>
      <c r="AK39" s="689"/>
      <c r="AL39" s="690" t="s">
        <v>128</v>
      </c>
      <c r="AM39" s="691"/>
      <c r="AN39" s="691"/>
      <c r="AO39" s="692"/>
      <c r="AQ39" s="763" t="s">
        <v>336</v>
      </c>
      <c r="AR39" s="764"/>
      <c r="AS39" s="764"/>
      <c r="AT39" s="764"/>
      <c r="AU39" s="764"/>
      <c r="AV39" s="764"/>
      <c r="AW39" s="764"/>
      <c r="AX39" s="764"/>
      <c r="AY39" s="765"/>
      <c r="AZ39" s="685" t="s">
        <v>128</v>
      </c>
      <c r="BA39" s="686"/>
      <c r="BB39" s="686"/>
      <c r="BC39" s="686"/>
      <c r="BD39" s="721"/>
      <c r="BE39" s="721"/>
      <c r="BF39" s="752"/>
      <c r="BG39" s="700" t="s">
        <v>337</v>
      </c>
      <c r="BH39" s="701"/>
      <c r="BI39" s="701"/>
      <c r="BJ39" s="701"/>
      <c r="BK39" s="701"/>
      <c r="BL39" s="701"/>
      <c r="BM39" s="701"/>
      <c r="BN39" s="701"/>
      <c r="BO39" s="701"/>
      <c r="BP39" s="701"/>
      <c r="BQ39" s="701"/>
      <c r="BR39" s="701"/>
      <c r="BS39" s="701"/>
      <c r="BT39" s="701"/>
      <c r="BU39" s="702"/>
      <c r="BV39" s="685">
        <v>19161</v>
      </c>
      <c r="BW39" s="686"/>
      <c r="BX39" s="686"/>
      <c r="BY39" s="686"/>
      <c r="BZ39" s="686"/>
      <c r="CA39" s="686"/>
      <c r="CB39" s="695"/>
      <c r="CD39" s="700" t="s">
        <v>338</v>
      </c>
      <c r="CE39" s="701"/>
      <c r="CF39" s="701"/>
      <c r="CG39" s="701"/>
      <c r="CH39" s="701"/>
      <c r="CI39" s="701"/>
      <c r="CJ39" s="701"/>
      <c r="CK39" s="701"/>
      <c r="CL39" s="701"/>
      <c r="CM39" s="701"/>
      <c r="CN39" s="701"/>
      <c r="CO39" s="701"/>
      <c r="CP39" s="701"/>
      <c r="CQ39" s="702"/>
      <c r="CR39" s="685">
        <v>674661</v>
      </c>
      <c r="CS39" s="721"/>
      <c r="CT39" s="721"/>
      <c r="CU39" s="721"/>
      <c r="CV39" s="721"/>
      <c r="CW39" s="721"/>
      <c r="CX39" s="721"/>
      <c r="CY39" s="722"/>
      <c r="CZ39" s="690">
        <v>1.8</v>
      </c>
      <c r="DA39" s="719"/>
      <c r="DB39" s="719"/>
      <c r="DC39" s="723"/>
      <c r="DD39" s="694">
        <v>486790</v>
      </c>
      <c r="DE39" s="721"/>
      <c r="DF39" s="721"/>
      <c r="DG39" s="721"/>
      <c r="DH39" s="721"/>
      <c r="DI39" s="721"/>
      <c r="DJ39" s="721"/>
      <c r="DK39" s="722"/>
      <c r="DL39" s="694" t="s">
        <v>236</v>
      </c>
      <c r="DM39" s="721"/>
      <c r="DN39" s="721"/>
      <c r="DO39" s="721"/>
      <c r="DP39" s="721"/>
      <c r="DQ39" s="721"/>
      <c r="DR39" s="721"/>
      <c r="DS39" s="721"/>
      <c r="DT39" s="721"/>
      <c r="DU39" s="721"/>
      <c r="DV39" s="722"/>
      <c r="DW39" s="690" t="s">
        <v>128</v>
      </c>
      <c r="DX39" s="719"/>
      <c r="DY39" s="719"/>
      <c r="DZ39" s="719"/>
      <c r="EA39" s="719"/>
      <c r="EB39" s="719"/>
      <c r="EC39" s="720"/>
    </row>
    <row r="40" spans="2:133" ht="11.25" customHeight="1" x14ac:dyDescent="0.2">
      <c r="B40" s="682" t="s">
        <v>339</v>
      </c>
      <c r="C40" s="683"/>
      <c r="D40" s="683"/>
      <c r="E40" s="683"/>
      <c r="F40" s="683"/>
      <c r="G40" s="683"/>
      <c r="H40" s="683"/>
      <c r="I40" s="683"/>
      <c r="J40" s="683"/>
      <c r="K40" s="683"/>
      <c r="L40" s="683"/>
      <c r="M40" s="683"/>
      <c r="N40" s="683"/>
      <c r="O40" s="683"/>
      <c r="P40" s="683"/>
      <c r="Q40" s="684"/>
      <c r="R40" s="685" t="s">
        <v>236</v>
      </c>
      <c r="S40" s="686"/>
      <c r="T40" s="686"/>
      <c r="U40" s="686"/>
      <c r="V40" s="686"/>
      <c r="W40" s="686"/>
      <c r="X40" s="686"/>
      <c r="Y40" s="687"/>
      <c r="Z40" s="688" t="s">
        <v>236</v>
      </c>
      <c r="AA40" s="688"/>
      <c r="AB40" s="688"/>
      <c r="AC40" s="688"/>
      <c r="AD40" s="689" t="s">
        <v>128</v>
      </c>
      <c r="AE40" s="689"/>
      <c r="AF40" s="689"/>
      <c r="AG40" s="689"/>
      <c r="AH40" s="689"/>
      <c r="AI40" s="689"/>
      <c r="AJ40" s="689"/>
      <c r="AK40" s="689"/>
      <c r="AL40" s="690" t="s">
        <v>128</v>
      </c>
      <c r="AM40" s="691"/>
      <c r="AN40" s="691"/>
      <c r="AO40" s="692"/>
      <c r="AQ40" s="763" t="s">
        <v>340</v>
      </c>
      <c r="AR40" s="764"/>
      <c r="AS40" s="764"/>
      <c r="AT40" s="764"/>
      <c r="AU40" s="764"/>
      <c r="AV40" s="764"/>
      <c r="AW40" s="764"/>
      <c r="AX40" s="764"/>
      <c r="AY40" s="765"/>
      <c r="AZ40" s="685" t="s">
        <v>128</v>
      </c>
      <c r="BA40" s="686"/>
      <c r="BB40" s="686"/>
      <c r="BC40" s="686"/>
      <c r="BD40" s="721"/>
      <c r="BE40" s="721"/>
      <c r="BF40" s="752"/>
      <c r="BG40" s="772" t="s">
        <v>341</v>
      </c>
      <c r="BH40" s="773"/>
      <c r="BI40" s="773"/>
      <c r="BJ40" s="773"/>
      <c r="BK40" s="773"/>
      <c r="BL40" s="236"/>
      <c r="BM40" s="701" t="s">
        <v>342</v>
      </c>
      <c r="BN40" s="701"/>
      <c r="BO40" s="701"/>
      <c r="BP40" s="701"/>
      <c r="BQ40" s="701"/>
      <c r="BR40" s="701"/>
      <c r="BS40" s="701"/>
      <c r="BT40" s="701"/>
      <c r="BU40" s="702"/>
      <c r="BV40" s="685">
        <v>87</v>
      </c>
      <c r="BW40" s="686"/>
      <c r="BX40" s="686"/>
      <c r="BY40" s="686"/>
      <c r="BZ40" s="686"/>
      <c r="CA40" s="686"/>
      <c r="CB40" s="695"/>
      <c r="CD40" s="700" t="s">
        <v>343</v>
      </c>
      <c r="CE40" s="701"/>
      <c r="CF40" s="701"/>
      <c r="CG40" s="701"/>
      <c r="CH40" s="701"/>
      <c r="CI40" s="701"/>
      <c r="CJ40" s="701"/>
      <c r="CK40" s="701"/>
      <c r="CL40" s="701"/>
      <c r="CM40" s="701"/>
      <c r="CN40" s="701"/>
      <c r="CO40" s="701"/>
      <c r="CP40" s="701"/>
      <c r="CQ40" s="702"/>
      <c r="CR40" s="685">
        <v>39148</v>
      </c>
      <c r="CS40" s="686"/>
      <c r="CT40" s="686"/>
      <c r="CU40" s="686"/>
      <c r="CV40" s="686"/>
      <c r="CW40" s="686"/>
      <c r="CX40" s="686"/>
      <c r="CY40" s="687"/>
      <c r="CZ40" s="690">
        <v>0.1</v>
      </c>
      <c r="DA40" s="719"/>
      <c r="DB40" s="719"/>
      <c r="DC40" s="723"/>
      <c r="DD40" s="694">
        <v>7883</v>
      </c>
      <c r="DE40" s="686"/>
      <c r="DF40" s="686"/>
      <c r="DG40" s="686"/>
      <c r="DH40" s="686"/>
      <c r="DI40" s="686"/>
      <c r="DJ40" s="686"/>
      <c r="DK40" s="687"/>
      <c r="DL40" s="694">
        <v>7883</v>
      </c>
      <c r="DM40" s="686"/>
      <c r="DN40" s="686"/>
      <c r="DO40" s="686"/>
      <c r="DP40" s="686"/>
      <c r="DQ40" s="686"/>
      <c r="DR40" s="686"/>
      <c r="DS40" s="686"/>
      <c r="DT40" s="686"/>
      <c r="DU40" s="686"/>
      <c r="DV40" s="687"/>
      <c r="DW40" s="690">
        <v>0</v>
      </c>
      <c r="DX40" s="719"/>
      <c r="DY40" s="719"/>
      <c r="DZ40" s="719"/>
      <c r="EA40" s="719"/>
      <c r="EB40" s="719"/>
      <c r="EC40" s="720"/>
    </row>
    <row r="41" spans="2:133" ht="11.25" customHeight="1" x14ac:dyDescent="0.2">
      <c r="B41" s="682" t="s">
        <v>344</v>
      </c>
      <c r="C41" s="683"/>
      <c r="D41" s="683"/>
      <c r="E41" s="683"/>
      <c r="F41" s="683"/>
      <c r="G41" s="683"/>
      <c r="H41" s="683"/>
      <c r="I41" s="683"/>
      <c r="J41" s="683"/>
      <c r="K41" s="683"/>
      <c r="L41" s="683"/>
      <c r="M41" s="683"/>
      <c r="N41" s="683"/>
      <c r="O41" s="683"/>
      <c r="P41" s="683"/>
      <c r="Q41" s="684"/>
      <c r="R41" s="685" t="s">
        <v>128</v>
      </c>
      <c r="S41" s="686"/>
      <c r="T41" s="686"/>
      <c r="U41" s="686"/>
      <c r="V41" s="686"/>
      <c r="W41" s="686"/>
      <c r="X41" s="686"/>
      <c r="Y41" s="687"/>
      <c r="Z41" s="688" t="s">
        <v>128</v>
      </c>
      <c r="AA41" s="688"/>
      <c r="AB41" s="688"/>
      <c r="AC41" s="688"/>
      <c r="AD41" s="689" t="s">
        <v>128</v>
      </c>
      <c r="AE41" s="689"/>
      <c r="AF41" s="689"/>
      <c r="AG41" s="689"/>
      <c r="AH41" s="689"/>
      <c r="AI41" s="689"/>
      <c r="AJ41" s="689"/>
      <c r="AK41" s="689"/>
      <c r="AL41" s="690" t="s">
        <v>128</v>
      </c>
      <c r="AM41" s="691"/>
      <c r="AN41" s="691"/>
      <c r="AO41" s="692"/>
      <c r="AQ41" s="763" t="s">
        <v>345</v>
      </c>
      <c r="AR41" s="764"/>
      <c r="AS41" s="764"/>
      <c r="AT41" s="764"/>
      <c r="AU41" s="764"/>
      <c r="AV41" s="764"/>
      <c r="AW41" s="764"/>
      <c r="AX41" s="764"/>
      <c r="AY41" s="765"/>
      <c r="AZ41" s="685">
        <v>716406</v>
      </c>
      <c r="BA41" s="686"/>
      <c r="BB41" s="686"/>
      <c r="BC41" s="686"/>
      <c r="BD41" s="721"/>
      <c r="BE41" s="721"/>
      <c r="BF41" s="752"/>
      <c r="BG41" s="772"/>
      <c r="BH41" s="773"/>
      <c r="BI41" s="773"/>
      <c r="BJ41" s="773"/>
      <c r="BK41" s="773"/>
      <c r="BL41" s="236"/>
      <c r="BM41" s="701" t="s">
        <v>346</v>
      </c>
      <c r="BN41" s="701"/>
      <c r="BO41" s="701"/>
      <c r="BP41" s="701"/>
      <c r="BQ41" s="701"/>
      <c r="BR41" s="701"/>
      <c r="BS41" s="701"/>
      <c r="BT41" s="701"/>
      <c r="BU41" s="702"/>
      <c r="BV41" s="685">
        <v>2</v>
      </c>
      <c r="BW41" s="686"/>
      <c r="BX41" s="686"/>
      <c r="BY41" s="686"/>
      <c r="BZ41" s="686"/>
      <c r="CA41" s="686"/>
      <c r="CB41" s="695"/>
      <c r="CD41" s="700" t="s">
        <v>347</v>
      </c>
      <c r="CE41" s="701"/>
      <c r="CF41" s="701"/>
      <c r="CG41" s="701"/>
      <c r="CH41" s="701"/>
      <c r="CI41" s="701"/>
      <c r="CJ41" s="701"/>
      <c r="CK41" s="701"/>
      <c r="CL41" s="701"/>
      <c r="CM41" s="701"/>
      <c r="CN41" s="701"/>
      <c r="CO41" s="701"/>
      <c r="CP41" s="701"/>
      <c r="CQ41" s="702"/>
      <c r="CR41" s="685" t="s">
        <v>236</v>
      </c>
      <c r="CS41" s="721"/>
      <c r="CT41" s="721"/>
      <c r="CU41" s="721"/>
      <c r="CV41" s="721"/>
      <c r="CW41" s="721"/>
      <c r="CX41" s="721"/>
      <c r="CY41" s="722"/>
      <c r="CZ41" s="690" t="s">
        <v>128</v>
      </c>
      <c r="DA41" s="719"/>
      <c r="DB41" s="719"/>
      <c r="DC41" s="723"/>
      <c r="DD41" s="694" t="s">
        <v>177</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48</v>
      </c>
      <c r="C42" s="683"/>
      <c r="D42" s="683"/>
      <c r="E42" s="683"/>
      <c r="F42" s="683"/>
      <c r="G42" s="683"/>
      <c r="H42" s="683"/>
      <c r="I42" s="683"/>
      <c r="J42" s="683"/>
      <c r="K42" s="683"/>
      <c r="L42" s="683"/>
      <c r="M42" s="683"/>
      <c r="N42" s="683"/>
      <c r="O42" s="683"/>
      <c r="P42" s="683"/>
      <c r="Q42" s="684"/>
      <c r="R42" s="685">
        <v>200000</v>
      </c>
      <c r="S42" s="686"/>
      <c r="T42" s="686"/>
      <c r="U42" s="686"/>
      <c r="V42" s="686"/>
      <c r="W42" s="686"/>
      <c r="X42" s="686"/>
      <c r="Y42" s="687"/>
      <c r="Z42" s="688">
        <v>0.5</v>
      </c>
      <c r="AA42" s="688"/>
      <c r="AB42" s="688"/>
      <c r="AC42" s="688"/>
      <c r="AD42" s="689" t="s">
        <v>236</v>
      </c>
      <c r="AE42" s="689"/>
      <c r="AF42" s="689"/>
      <c r="AG42" s="689"/>
      <c r="AH42" s="689"/>
      <c r="AI42" s="689"/>
      <c r="AJ42" s="689"/>
      <c r="AK42" s="689"/>
      <c r="AL42" s="690" t="s">
        <v>236</v>
      </c>
      <c r="AM42" s="691"/>
      <c r="AN42" s="691"/>
      <c r="AO42" s="692"/>
      <c r="AQ42" s="784" t="s">
        <v>349</v>
      </c>
      <c r="AR42" s="785"/>
      <c r="AS42" s="785"/>
      <c r="AT42" s="785"/>
      <c r="AU42" s="785"/>
      <c r="AV42" s="785"/>
      <c r="AW42" s="785"/>
      <c r="AX42" s="785"/>
      <c r="AY42" s="786"/>
      <c r="AZ42" s="776">
        <v>1700374</v>
      </c>
      <c r="BA42" s="777"/>
      <c r="BB42" s="777"/>
      <c r="BC42" s="777"/>
      <c r="BD42" s="756"/>
      <c r="BE42" s="756"/>
      <c r="BF42" s="758"/>
      <c r="BG42" s="774"/>
      <c r="BH42" s="775"/>
      <c r="BI42" s="775"/>
      <c r="BJ42" s="775"/>
      <c r="BK42" s="775"/>
      <c r="BL42" s="237"/>
      <c r="BM42" s="711" t="s">
        <v>350</v>
      </c>
      <c r="BN42" s="711"/>
      <c r="BO42" s="711"/>
      <c r="BP42" s="711"/>
      <c r="BQ42" s="711"/>
      <c r="BR42" s="711"/>
      <c r="BS42" s="711"/>
      <c r="BT42" s="711"/>
      <c r="BU42" s="712"/>
      <c r="BV42" s="776">
        <v>294</v>
      </c>
      <c r="BW42" s="777"/>
      <c r="BX42" s="777"/>
      <c r="BY42" s="777"/>
      <c r="BZ42" s="777"/>
      <c r="CA42" s="777"/>
      <c r="CB42" s="783"/>
      <c r="CD42" s="682" t="s">
        <v>351</v>
      </c>
      <c r="CE42" s="683"/>
      <c r="CF42" s="683"/>
      <c r="CG42" s="683"/>
      <c r="CH42" s="683"/>
      <c r="CI42" s="683"/>
      <c r="CJ42" s="683"/>
      <c r="CK42" s="683"/>
      <c r="CL42" s="683"/>
      <c r="CM42" s="683"/>
      <c r="CN42" s="683"/>
      <c r="CO42" s="683"/>
      <c r="CP42" s="683"/>
      <c r="CQ42" s="684"/>
      <c r="CR42" s="685">
        <v>2419010</v>
      </c>
      <c r="CS42" s="686"/>
      <c r="CT42" s="686"/>
      <c r="CU42" s="686"/>
      <c r="CV42" s="686"/>
      <c r="CW42" s="686"/>
      <c r="CX42" s="686"/>
      <c r="CY42" s="687"/>
      <c r="CZ42" s="690">
        <v>6.5</v>
      </c>
      <c r="DA42" s="691"/>
      <c r="DB42" s="691"/>
      <c r="DC42" s="703"/>
      <c r="DD42" s="694">
        <v>819673</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2</v>
      </c>
      <c r="C43" s="736"/>
      <c r="D43" s="736"/>
      <c r="E43" s="736"/>
      <c r="F43" s="736"/>
      <c r="G43" s="736"/>
      <c r="H43" s="736"/>
      <c r="I43" s="736"/>
      <c r="J43" s="736"/>
      <c r="K43" s="736"/>
      <c r="L43" s="736"/>
      <c r="M43" s="736"/>
      <c r="N43" s="736"/>
      <c r="O43" s="736"/>
      <c r="P43" s="736"/>
      <c r="Q43" s="737"/>
      <c r="R43" s="776">
        <v>38741486</v>
      </c>
      <c r="S43" s="777"/>
      <c r="T43" s="777"/>
      <c r="U43" s="777"/>
      <c r="V43" s="777"/>
      <c r="W43" s="777"/>
      <c r="X43" s="777"/>
      <c r="Y43" s="778"/>
      <c r="Z43" s="779">
        <v>100</v>
      </c>
      <c r="AA43" s="779"/>
      <c r="AB43" s="779"/>
      <c r="AC43" s="779"/>
      <c r="AD43" s="780">
        <v>17012634</v>
      </c>
      <c r="AE43" s="780"/>
      <c r="AF43" s="780"/>
      <c r="AG43" s="780"/>
      <c r="AH43" s="780"/>
      <c r="AI43" s="780"/>
      <c r="AJ43" s="780"/>
      <c r="AK43" s="780"/>
      <c r="AL43" s="781">
        <v>100</v>
      </c>
      <c r="AM43" s="757"/>
      <c r="AN43" s="757"/>
      <c r="AO43" s="782"/>
      <c r="BV43" s="238"/>
      <c r="BW43" s="238"/>
      <c r="BX43" s="238"/>
      <c r="BY43" s="238"/>
      <c r="BZ43" s="238"/>
      <c r="CA43" s="238"/>
      <c r="CB43" s="238"/>
      <c r="CD43" s="682" t="s">
        <v>353</v>
      </c>
      <c r="CE43" s="683"/>
      <c r="CF43" s="683"/>
      <c r="CG43" s="683"/>
      <c r="CH43" s="683"/>
      <c r="CI43" s="683"/>
      <c r="CJ43" s="683"/>
      <c r="CK43" s="683"/>
      <c r="CL43" s="683"/>
      <c r="CM43" s="683"/>
      <c r="CN43" s="683"/>
      <c r="CO43" s="683"/>
      <c r="CP43" s="683"/>
      <c r="CQ43" s="684"/>
      <c r="CR43" s="685">
        <v>62680</v>
      </c>
      <c r="CS43" s="721"/>
      <c r="CT43" s="721"/>
      <c r="CU43" s="721"/>
      <c r="CV43" s="721"/>
      <c r="CW43" s="721"/>
      <c r="CX43" s="721"/>
      <c r="CY43" s="722"/>
      <c r="CZ43" s="690">
        <v>0.2</v>
      </c>
      <c r="DA43" s="719"/>
      <c r="DB43" s="719"/>
      <c r="DC43" s="723"/>
      <c r="DD43" s="694">
        <v>62680</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1</v>
      </c>
      <c r="CE44" s="798"/>
      <c r="CF44" s="682" t="s">
        <v>354</v>
      </c>
      <c r="CG44" s="683"/>
      <c r="CH44" s="683"/>
      <c r="CI44" s="683"/>
      <c r="CJ44" s="683"/>
      <c r="CK44" s="683"/>
      <c r="CL44" s="683"/>
      <c r="CM44" s="683"/>
      <c r="CN44" s="683"/>
      <c r="CO44" s="683"/>
      <c r="CP44" s="683"/>
      <c r="CQ44" s="684"/>
      <c r="CR44" s="685">
        <v>2419010</v>
      </c>
      <c r="CS44" s="686"/>
      <c r="CT44" s="686"/>
      <c r="CU44" s="686"/>
      <c r="CV44" s="686"/>
      <c r="CW44" s="686"/>
      <c r="CX44" s="686"/>
      <c r="CY44" s="687"/>
      <c r="CZ44" s="690">
        <v>6.5</v>
      </c>
      <c r="DA44" s="691"/>
      <c r="DB44" s="691"/>
      <c r="DC44" s="703"/>
      <c r="DD44" s="694">
        <v>819673</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55</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56</v>
      </c>
      <c r="CG45" s="683"/>
      <c r="CH45" s="683"/>
      <c r="CI45" s="683"/>
      <c r="CJ45" s="683"/>
      <c r="CK45" s="683"/>
      <c r="CL45" s="683"/>
      <c r="CM45" s="683"/>
      <c r="CN45" s="683"/>
      <c r="CO45" s="683"/>
      <c r="CP45" s="683"/>
      <c r="CQ45" s="684"/>
      <c r="CR45" s="685">
        <v>1505495</v>
      </c>
      <c r="CS45" s="721"/>
      <c r="CT45" s="721"/>
      <c r="CU45" s="721"/>
      <c r="CV45" s="721"/>
      <c r="CW45" s="721"/>
      <c r="CX45" s="721"/>
      <c r="CY45" s="722"/>
      <c r="CZ45" s="690">
        <v>4.0999999999999996</v>
      </c>
      <c r="DA45" s="719"/>
      <c r="DB45" s="719"/>
      <c r="DC45" s="723"/>
      <c r="DD45" s="694">
        <v>411887</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57</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58</v>
      </c>
      <c r="CG46" s="683"/>
      <c r="CH46" s="683"/>
      <c r="CI46" s="683"/>
      <c r="CJ46" s="683"/>
      <c r="CK46" s="683"/>
      <c r="CL46" s="683"/>
      <c r="CM46" s="683"/>
      <c r="CN46" s="683"/>
      <c r="CO46" s="683"/>
      <c r="CP46" s="683"/>
      <c r="CQ46" s="684"/>
      <c r="CR46" s="685">
        <v>903515</v>
      </c>
      <c r="CS46" s="686"/>
      <c r="CT46" s="686"/>
      <c r="CU46" s="686"/>
      <c r="CV46" s="686"/>
      <c r="CW46" s="686"/>
      <c r="CX46" s="686"/>
      <c r="CY46" s="687"/>
      <c r="CZ46" s="690">
        <v>2.4</v>
      </c>
      <c r="DA46" s="691"/>
      <c r="DB46" s="691"/>
      <c r="DC46" s="703"/>
      <c r="DD46" s="694">
        <v>397786</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59</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0</v>
      </c>
      <c r="CG47" s="683"/>
      <c r="CH47" s="683"/>
      <c r="CI47" s="683"/>
      <c r="CJ47" s="683"/>
      <c r="CK47" s="683"/>
      <c r="CL47" s="683"/>
      <c r="CM47" s="683"/>
      <c r="CN47" s="683"/>
      <c r="CO47" s="683"/>
      <c r="CP47" s="683"/>
      <c r="CQ47" s="684"/>
      <c r="CR47" s="685" t="s">
        <v>128</v>
      </c>
      <c r="CS47" s="721"/>
      <c r="CT47" s="721"/>
      <c r="CU47" s="721"/>
      <c r="CV47" s="721"/>
      <c r="CW47" s="721"/>
      <c r="CX47" s="721"/>
      <c r="CY47" s="722"/>
      <c r="CZ47" s="690" t="s">
        <v>128</v>
      </c>
      <c r="DA47" s="719"/>
      <c r="DB47" s="719"/>
      <c r="DC47" s="723"/>
      <c r="DD47" s="694" t="s">
        <v>128</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1</v>
      </c>
      <c r="CG48" s="683"/>
      <c r="CH48" s="683"/>
      <c r="CI48" s="683"/>
      <c r="CJ48" s="683"/>
      <c r="CK48" s="683"/>
      <c r="CL48" s="683"/>
      <c r="CM48" s="683"/>
      <c r="CN48" s="683"/>
      <c r="CO48" s="683"/>
      <c r="CP48" s="683"/>
      <c r="CQ48" s="684"/>
      <c r="CR48" s="685" t="s">
        <v>128</v>
      </c>
      <c r="CS48" s="686"/>
      <c r="CT48" s="686"/>
      <c r="CU48" s="686"/>
      <c r="CV48" s="686"/>
      <c r="CW48" s="686"/>
      <c r="CX48" s="686"/>
      <c r="CY48" s="687"/>
      <c r="CZ48" s="690" t="s">
        <v>128</v>
      </c>
      <c r="DA48" s="691"/>
      <c r="DB48" s="691"/>
      <c r="DC48" s="703"/>
      <c r="DD48" s="694" t="s">
        <v>128</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2</v>
      </c>
      <c r="CE49" s="736"/>
      <c r="CF49" s="736"/>
      <c r="CG49" s="736"/>
      <c r="CH49" s="736"/>
      <c r="CI49" s="736"/>
      <c r="CJ49" s="736"/>
      <c r="CK49" s="736"/>
      <c r="CL49" s="736"/>
      <c r="CM49" s="736"/>
      <c r="CN49" s="736"/>
      <c r="CO49" s="736"/>
      <c r="CP49" s="736"/>
      <c r="CQ49" s="737"/>
      <c r="CR49" s="776">
        <v>37050872</v>
      </c>
      <c r="CS49" s="756"/>
      <c r="CT49" s="756"/>
      <c r="CU49" s="756"/>
      <c r="CV49" s="756"/>
      <c r="CW49" s="756"/>
      <c r="CX49" s="756"/>
      <c r="CY49" s="787"/>
      <c r="CZ49" s="781">
        <v>100</v>
      </c>
      <c r="DA49" s="788"/>
      <c r="DB49" s="788"/>
      <c r="DC49" s="789"/>
      <c r="DD49" s="790">
        <v>19219132</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1bSzcGk4Ij9/bQdjhVlY4KOmXkuiQqwRmoeodjnvQjqJXERH9GGcOkOCnR1n3lZeld1OmcBtfVLOHI8okLVrMQ==" saltValue="o9m0+/FSOlM7CKWqdWCHIQ=="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6640625" style="291" customWidth="1"/>
    <col min="131" max="131" width="1.554687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3</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4</v>
      </c>
      <c r="DK2" s="833"/>
      <c r="DL2" s="833"/>
      <c r="DM2" s="833"/>
      <c r="DN2" s="833"/>
      <c r="DO2" s="834"/>
      <c r="DP2" s="251"/>
      <c r="DQ2" s="832" t="s">
        <v>365</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66</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67</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68</v>
      </c>
      <c r="B5" s="827"/>
      <c r="C5" s="827"/>
      <c r="D5" s="827"/>
      <c r="E5" s="827"/>
      <c r="F5" s="827"/>
      <c r="G5" s="827"/>
      <c r="H5" s="827"/>
      <c r="I5" s="827"/>
      <c r="J5" s="827"/>
      <c r="K5" s="827"/>
      <c r="L5" s="827"/>
      <c r="M5" s="827"/>
      <c r="N5" s="827"/>
      <c r="O5" s="827"/>
      <c r="P5" s="828"/>
      <c r="Q5" s="803" t="s">
        <v>369</v>
      </c>
      <c r="R5" s="804"/>
      <c r="S5" s="804"/>
      <c r="T5" s="804"/>
      <c r="U5" s="805"/>
      <c r="V5" s="803" t="s">
        <v>370</v>
      </c>
      <c r="W5" s="804"/>
      <c r="X5" s="804"/>
      <c r="Y5" s="804"/>
      <c r="Z5" s="805"/>
      <c r="AA5" s="803" t="s">
        <v>371</v>
      </c>
      <c r="AB5" s="804"/>
      <c r="AC5" s="804"/>
      <c r="AD5" s="804"/>
      <c r="AE5" s="804"/>
      <c r="AF5" s="836" t="s">
        <v>372</v>
      </c>
      <c r="AG5" s="804"/>
      <c r="AH5" s="804"/>
      <c r="AI5" s="804"/>
      <c r="AJ5" s="815"/>
      <c r="AK5" s="804" t="s">
        <v>373</v>
      </c>
      <c r="AL5" s="804"/>
      <c r="AM5" s="804"/>
      <c r="AN5" s="804"/>
      <c r="AO5" s="805"/>
      <c r="AP5" s="803" t="s">
        <v>374</v>
      </c>
      <c r="AQ5" s="804"/>
      <c r="AR5" s="804"/>
      <c r="AS5" s="804"/>
      <c r="AT5" s="805"/>
      <c r="AU5" s="803" t="s">
        <v>375</v>
      </c>
      <c r="AV5" s="804"/>
      <c r="AW5" s="804"/>
      <c r="AX5" s="804"/>
      <c r="AY5" s="815"/>
      <c r="AZ5" s="258"/>
      <c r="BA5" s="258"/>
      <c r="BB5" s="258"/>
      <c r="BC5" s="258"/>
      <c r="BD5" s="258"/>
      <c r="BE5" s="259"/>
      <c r="BF5" s="259"/>
      <c r="BG5" s="259"/>
      <c r="BH5" s="259"/>
      <c r="BI5" s="259"/>
      <c r="BJ5" s="259"/>
      <c r="BK5" s="259"/>
      <c r="BL5" s="259"/>
      <c r="BM5" s="259"/>
      <c r="BN5" s="259"/>
      <c r="BO5" s="259"/>
      <c r="BP5" s="259"/>
      <c r="BQ5" s="826" t="s">
        <v>376</v>
      </c>
      <c r="BR5" s="827"/>
      <c r="BS5" s="827"/>
      <c r="BT5" s="827"/>
      <c r="BU5" s="827"/>
      <c r="BV5" s="827"/>
      <c r="BW5" s="827"/>
      <c r="BX5" s="827"/>
      <c r="BY5" s="827"/>
      <c r="BZ5" s="827"/>
      <c r="CA5" s="827"/>
      <c r="CB5" s="827"/>
      <c r="CC5" s="827"/>
      <c r="CD5" s="827"/>
      <c r="CE5" s="827"/>
      <c r="CF5" s="827"/>
      <c r="CG5" s="828"/>
      <c r="CH5" s="803" t="s">
        <v>377</v>
      </c>
      <c r="CI5" s="804"/>
      <c r="CJ5" s="804"/>
      <c r="CK5" s="804"/>
      <c r="CL5" s="805"/>
      <c r="CM5" s="803" t="s">
        <v>378</v>
      </c>
      <c r="CN5" s="804"/>
      <c r="CO5" s="804"/>
      <c r="CP5" s="804"/>
      <c r="CQ5" s="805"/>
      <c r="CR5" s="803" t="s">
        <v>379</v>
      </c>
      <c r="CS5" s="804"/>
      <c r="CT5" s="804"/>
      <c r="CU5" s="804"/>
      <c r="CV5" s="805"/>
      <c r="CW5" s="803" t="s">
        <v>380</v>
      </c>
      <c r="CX5" s="804"/>
      <c r="CY5" s="804"/>
      <c r="CZ5" s="804"/>
      <c r="DA5" s="805"/>
      <c r="DB5" s="803" t="s">
        <v>381</v>
      </c>
      <c r="DC5" s="804"/>
      <c r="DD5" s="804"/>
      <c r="DE5" s="804"/>
      <c r="DF5" s="805"/>
      <c r="DG5" s="809" t="s">
        <v>382</v>
      </c>
      <c r="DH5" s="810"/>
      <c r="DI5" s="810"/>
      <c r="DJ5" s="810"/>
      <c r="DK5" s="811"/>
      <c r="DL5" s="809" t="s">
        <v>383</v>
      </c>
      <c r="DM5" s="810"/>
      <c r="DN5" s="810"/>
      <c r="DO5" s="810"/>
      <c r="DP5" s="811"/>
      <c r="DQ5" s="803" t="s">
        <v>384</v>
      </c>
      <c r="DR5" s="804"/>
      <c r="DS5" s="804"/>
      <c r="DT5" s="804"/>
      <c r="DU5" s="805"/>
      <c r="DV5" s="803" t="s">
        <v>375</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85</v>
      </c>
      <c r="C7" s="818"/>
      <c r="D7" s="818"/>
      <c r="E7" s="818"/>
      <c r="F7" s="818"/>
      <c r="G7" s="818"/>
      <c r="H7" s="818"/>
      <c r="I7" s="818"/>
      <c r="J7" s="818"/>
      <c r="K7" s="818"/>
      <c r="L7" s="818"/>
      <c r="M7" s="818"/>
      <c r="N7" s="818"/>
      <c r="O7" s="818"/>
      <c r="P7" s="819"/>
      <c r="Q7" s="820">
        <v>38755</v>
      </c>
      <c r="R7" s="821"/>
      <c r="S7" s="821"/>
      <c r="T7" s="821"/>
      <c r="U7" s="821"/>
      <c r="V7" s="821">
        <v>37065</v>
      </c>
      <c r="W7" s="821"/>
      <c r="X7" s="821"/>
      <c r="Y7" s="821"/>
      <c r="Z7" s="821"/>
      <c r="AA7" s="821">
        <v>1691</v>
      </c>
      <c r="AB7" s="821"/>
      <c r="AC7" s="821"/>
      <c r="AD7" s="821"/>
      <c r="AE7" s="822"/>
      <c r="AF7" s="823">
        <v>1129</v>
      </c>
      <c r="AG7" s="824"/>
      <c r="AH7" s="824"/>
      <c r="AI7" s="824"/>
      <c r="AJ7" s="825"/>
      <c r="AK7" s="860"/>
      <c r="AL7" s="861"/>
      <c r="AM7" s="861"/>
      <c r="AN7" s="861"/>
      <c r="AO7" s="861"/>
      <c r="AP7" s="861">
        <v>15881</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c r="BS7" s="864" t="s">
        <v>577</v>
      </c>
      <c r="BT7" s="865"/>
      <c r="BU7" s="865"/>
      <c r="BV7" s="865"/>
      <c r="BW7" s="865"/>
      <c r="BX7" s="865"/>
      <c r="BY7" s="865"/>
      <c r="BZ7" s="865"/>
      <c r="CA7" s="865"/>
      <c r="CB7" s="865"/>
      <c r="CC7" s="865"/>
      <c r="CD7" s="865"/>
      <c r="CE7" s="865"/>
      <c r="CF7" s="865"/>
      <c r="CG7" s="866"/>
      <c r="CH7" s="857">
        <v>0</v>
      </c>
      <c r="CI7" s="858"/>
      <c r="CJ7" s="858"/>
      <c r="CK7" s="858"/>
      <c r="CL7" s="859"/>
      <c r="CM7" s="857">
        <v>79</v>
      </c>
      <c r="CN7" s="858"/>
      <c r="CO7" s="858"/>
      <c r="CP7" s="858"/>
      <c r="CQ7" s="859"/>
      <c r="CR7" s="857">
        <v>2</v>
      </c>
      <c r="CS7" s="858"/>
      <c r="CT7" s="858"/>
      <c r="CU7" s="858"/>
      <c r="CV7" s="859"/>
      <c r="CW7" s="857">
        <v>1</v>
      </c>
      <c r="CX7" s="858"/>
      <c r="CY7" s="858"/>
      <c r="CZ7" s="858"/>
      <c r="DA7" s="859"/>
      <c r="DB7" s="857" t="s">
        <v>584</v>
      </c>
      <c r="DC7" s="858"/>
      <c r="DD7" s="858"/>
      <c r="DE7" s="858"/>
      <c r="DF7" s="859"/>
      <c r="DG7" s="857">
        <v>452</v>
      </c>
      <c r="DH7" s="858"/>
      <c r="DI7" s="858"/>
      <c r="DJ7" s="858"/>
      <c r="DK7" s="859"/>
      <c r="DL7" s="857" t="s">
        <v>584</v>
      </c>
      <c r="DM7" s="858"/>
      <c r="DN7" s="858"/>
      <c r="DO7" s="858"/>
      <c r="DP7" s="859"/>
      <c r="DQ7" s="857" t="s">
        <v>584</v>
      </c>
      <c r="DR7" s="858"/>
      <c r="DS7" s="858"/>
      <c r="DT7" s="858"/>
      <c r="DU7" s="859"/>
      <c r="DV7" s="838"/>
      <c r="DW7" s="839"/>
      <c r="DX7" s="839"/>
      <c r="DY7" s="839"/>
      <c r="DZ7" s="840"/>
      <c r="EA7" s="256"/>
    </row>
    <row r="8" spans="1:131" s="257" customFormat="1" ht="26.25" customHeight="1" x14ac:dyDescent="0.2">
      <c r="A8" s="263">
        <v>2</v>
      </c>
      <c r="B8" s="841" t="s">
        <v>386</v>
      </c>
      <c r="C8" s="842"/>
      <c r="D8" s="842"/>
      <c r="E8" s="842"/>
      <c r="F8" s="842"/>
      <c r="G8" s="842"/>
      <c r="H8" s="842"/>
      <c r="I8" s="842"/>
      <c r="J8" s="842"/>
      <c r="K8" s="842"/>
      <c r="L8" s="842"/>
      <c r="M8" s="842"/>
      <c r="N8" s="842"/>
      <c r="O8" s="842"/>
      <c r="P8" s="843"/>
      <c r="Q8" s="844">
        <v>223</v>
      </c>
      <c r="R8" s="845"/>
      <c r="S8" s="845"/>
      <c r="T8" s="845"/>
      <c r="U8" s="845"/>
      <c r="V8" s="845">
        <v>223</v>
      </c>
      <c r="W8" s="845"/>
      <c r="X8" s="845"/>
      <c r="Y8" s="845"/>
      <c r="Z8" s="845"/>
      <c r="AA8" s="845">
        <v>0</v>
      </c>
      <c r="AB8" s="845"/>
      <c r="AC8" s="845"/>
      <c r="AD8" s="845"/>
      <c r="AE8" s="846"/>
      <c r="AF8" s="847" t="s">
        <v>387</v>
      </c>
      <c r="AG8" s="848"/>
      <c r="AH8" s="848"/>
      <c r="AI8" s="848"/>
      <c r="AJ8" s="849"/>
      <c r="AK8" s="850">
        <v>187</v>
      </c>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c r="BT8" s="855"/>
      <c r="BU8" s="855"/>
      <c r="BV8" s="855"/>
      <c r="BW8" s="855"/>
      <c r="BX8" s="855"/>
      <c r="BY8" s="855"/>
      <c r="BZ8" s="855"/>
      <c r="CA8" s="855"/>
      <c r="CB8" s="855"/>
      <c r="CC8" s="855"/>
      <c r="CD8" s="855"/>
      <c r="CE8" s="855"/>
      <c r="CF8" s="855"/>
      <c r="CG8" s="856"/>
      <c r="CH8" s="867"/>
      <c r="CI8" s="868"/>
      <c r="CJ8" s="868"/>
      <c r="CK8" s="868"/>
      <c r="CL8" s="869"/>
      <c r="CM8" s="867"/>
      <c r="CN8" s="868"/>
      <c r="CO8" s="868"/>
      <c r="CP8" s="868"/>
      <c r="CQ8" s="869"/>
      <c r="CR8" s="867"/>
      <c r="CS8" s="868"/>
      <c r="CT8" s="868"/>
      <c r="CU8" s="868"/>
      <c r="CV8" s="869"/>
      <c r="CW8" s="867"/>
      <c r="CX8" s="868"/>
      <c r="CY8" s="868"/>
      <c r="CZ8" s="868"/>
      <c r="DA8" s="869"/>
      <c r="DB8" s="867"/>
      <c r="DC8" s="868"/>
      <c r="DD8" s="868"/>
      <c r="DE8" s="868"/>
      <c r="DF8" s="869"/>
      <c r="DG8" s="867"/>
      <c r="DH8" s="868"/>
      <c r="DI8" s="868"/>
      <c r="DJ8" s="868"/>
      <c r="DK8" s="869"/>
      <c r="DL8" s="867"/>
      <c r="DM8" s="868"/>
      <c r="DN8" s="868"/>
      <c r="DO8" s="868"/>
      <c r="DP8" s="869"/>
      <c r="DQ8" s="867"/>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c r="BT9" s="855"/>
      <c r="BU9" s="855"/>
      <c r="BV9" s="855"/>
      <c r="BW9" s="855"/>
      <c r="BX9" s="855"/>
      <c r="BY9" s="855"/>
      <c r="BZ9" s="855"/>
      <c r="CA9" s="855"/>
      <c r="CB9" s="855"/>
      <c r="CC9" s="855"/>
      <c r="CD9" s="855"/>
      <c r="CE9" s="855"/>
      <c r="CF9" s="855"/>
      <c r="CG9" s="856"/>
      <c r="CH9" s="867"/>
      <c r="CI9" s="868"/>
      <c r="CJ9" s="868"/>
      <c r="CK9" s="868"/>
      <c r="CL9" s="869"/>
      <c r="CM9" s="867"/>
      <c r="CN9" s="868"/>
      <c r="CO9" s="868"/>
      <c r="CP9" s="868"/>
      <c r="CQ9" s="869"/>
      <c r="CR9" s="867"/>
      <c r="CS9" s="868"/>
      <c r="CT9" s="868"/>
      <c r="CU9" s="868"/>
      <c r="CV9" s="869"/>
      <c r="CW9" s="867"/>
      <c r="CX9" s="868"/>
      <c r="CY9" s="868"/>
      <c r="CZ9" s="868"/>
      <c r="DA9" s="869"/>
      <c r="DB9" s="867"/>
      <c r="DC9" s="868"/>
      <c r="DD9" s="868"/>
      <c r="DE9" s="868"/>
      <c r="DF9" s="869"/>
      <c r="DG9" s="867"/>
      <c r="DH9" s="868"/>
      <c r="DI9" s="868"/>
      <c r="DJ9" s="868"/>
      <c r="DK9" s="869"/>
      <c r="DL9" s="867"/>
      <c r="DM9" s="868"/>
      <c r="DN9" s="868"/>
      <c r="DO9" s="868"/>
      <c r="DP9" s="869"/>
      <c r="DQ9" s="867"/>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88</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89</v>
      </c>
      <c r="B23" s="876" t="s">
        <v>390</v>
      </c>
      <c r="C23" s="877"/>
      <c r="D23" s="877"/>
      <c r="E23" s="877"/>
      <c r="F23" s="877"/>
      <c r="G23" s="877"/>
      <c r="H23" s="877"/>
      <c r="I23" s="877"/>
      <c r="J23" s="877"/>
      <c r="K23" s="877"/>
      <c r="L23" s="877"/>
      <c r="M23" s="877"/>
      <c r="N23" s="877"/>
      <c r="O23" s="877"/>
      <c r="P23" s="878"/>
      <c r="Q23" s="879">
        <v>38791</v>
      </c>
      <c r="R23" s="880"/>
      <c r="S23" s="880"/>
      <c r="T23" s="880"/>
      <c r="U23" s="880"/>
      <c r="V23" s="880">
        <v>37100</v>
      </c>
      <c r="W23" s="880"/>
      <c r="X23" s="880"/>
      <c r="Y23" s="880"/>
      <c r="Z23" s="880"/>
      <c r="AA23" s="880">
        <v>1691</v>
      </c>
      <c r="AB23" s="880"/>
      <c r="AC23" s="880"/>
      <c r="AD23" s="880"/>
      <c r="AE23" s="881"/>
      <c r="AF23" s="882">
        <v>1129</v>
      </c>
      <c r="AG23" s="880"/>
      <c r="AH23" s="880"/>
      <c r="AI23" s="880"/>
      <c r="AJ23" s="883"/>
      <c r="AK23" s="884"/>
      <c r="AL23" s="885"/>
      <c r="AM23" s="885"/>
      <c r="AN23" s="885"/>
      <c r="AO23" s="885"/>
      <c r="AP23" s="880">
        <f>SUM(AP7:AT22)</f>
        <v>15881</v>
      </c>
      <c r="AQ23" s="880"/>
      <c r="AR23" s="880"/>
      <c r="AS23" s="880"/>
      <c r="AT23" s="880"/>
      <c r="AU23" s="886"/>
      <c r="AV23" s="886"/>
      <c r="AW23" s="886"/>
      <c r="AX23" s="886"/>
      <c r="AY23" s="887"/>
      <c r="AZ23" s="895" t="s">
        <v>391</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2</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3</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68</v>
      </c>
      <c r="B26" s="827"/>
      <c r="C26" s="827"/>
      <c r="D26" s="827"/>
      <c r="E26" s="827"/>
      <c r="F26" s="827"/>
      <c r="G26" s="827"/>
      <c r="H26" s="827"/>
      <c r="I26" s="827"/>
      <c r="J26" s="827"/>
      <c r="K26" s="827"/>
      <c r="L26" s="827"/>
      <c r="M26" s="827"/>
      <c r="N26" s="827"/>
      <c r="O26" s="827"/>
      <c r="P26" s="828"/>
      <c r="Q26" s="803" t="s">
        <v>394</v>
      </c>
      <c r="R26" s="804"/>
      <c r="S26" s="804"/>
      <c r="T26" s="804"/>
      <c r="U26" s="805"/>
      <c r="V26" s="803" t="s">
        <v>395</v>
      </c>
      <c r="W26" s="804"/>
      <c r="X26" s="804"/>
      <c r="Y26" s="804"/>
      <c r="Z26" s="805"/>
      <c r="AA26" s="803" t="s">
        <v>396</v>
      </c>
      <c r="AB26" s="804"/>
      <c r="AC26" s="804"/>
      <c r="AD26" s="804"/>
      <c r="AE26" s="804"/>
      <c r="AF26" s="898" t="s">
        <v>397</v>
      </c>
      <c r="AG26" s="899"/>
      <c r="AH26" s="899"/>
      <c r="AI26" s="899"/>
      <c r="AJ26" s="900"/>
      <c r="AK26" s="804" t="s">
        <v>398</v>
      </c>
      <c r="AL26" s="804"/>
      <c r="AM26" s="804"/>
      <c r="AN26" s="804"/>
      <c r="AO26" s="805"/>
      <c r="AP26" s="803" t="s">
        <v>399</v>
      </c>
      <c r="AQ26" s="804"/>
      <c r="AR26" s="804"/>
      <c r="AS26" s="804"/>
      <c r="AT26" s="805"/>
      <c r="AU26" s="803" t="s">
        <v>400</v>
      </c>
      <c r="AV26" s="804"/>
      <c r="AW26" s="804"/>
      <c r="AX26" s="804"/>
      <c r="AY26" s="805"/>
      <c r="AZ26" s="803" t="s">
        <v>401</v>
      </c>
      <c r="BA26" s="804"/>
      <c r="BB26" s="804"/>
      <c r="BC26" s="804"/>
      <c r="BD26" s="805"/>
      <c r="BE26" s="803" t="s">
        <v>375</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2</v>
      </c>
      <c r="C28" s="818"/>
      <c r="D28" s="818"/>
      <c r="E28" s="818"/>
      <c r="F28" s="818"/>
      <c r="G28" s="818"/>
      <c r="H28" s="818"/>
      <c r="I28" s="818"/>
      <c r="J28" s="818"/>
      <c r="K28" s="818"/>
      <c r="L28" s="818"/>
      <c r="M28" s="818"/>
      <c r="N28" s="818"/>
      <c r="O28" s="818"/>
      <c r="P28" s="819"/>
      <c r="Q28" s="908">
        <v>8256</v>
      </c>
      <c r="R28" s="909"/>
      <c r="S28" s="909"/>
      <c r="T28" s="909"/>
      <c r="U28" s="909"/>
      <c r="V28" s="909">
        <v>8231</v>
      </c>
      <c r="W28" s="909"/>
      <c r="X28" s="909"/>
      <c r="Y28" s="909"/>
      <c r="Z28" s="909"/>
      <c r="AA28" s="909">
        <v>25</v>
      </c>
      <c r="AB28" s="909"/>
      <c r="AC28" s="909"/>
      <c r="AD28" s="909"/>
      <c r="AE28" s="910"/>
      <c r="AF28" s="911">
        <v>25</v>
      </c>
      <c r="AG28" s="909"/>
      <c r="AH28" s="909"/>
      <c r="AI28" s="909"/>
      <c r="AJ28" s="912"/>
      <c r="AK28" s="913">
        <v>716</v>
      </c>
      <c r="AL28" s="904"/>
      <c r="AM28" s="904"/>
      <c r="AN28" s="904"/>
      <c r="AO28" s="904"/>
      <c r="AP28" s="904"/>
      <c r="AQ28" s="904"/>
      <c r="AR28" s="904"/>
      <c r="AS28" s="904"/>
      <c r="AT28" s="904"/>
      <c r="AU28" s="904"/>
      <c r="AV28" s="904"/>
      <c r="AW28" s="904"/>
      <c r="AX28" s="904"/>
      <c r="AY28" s="904"/>
      <c r="AZ28" s="905"/>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3</v>
      </c>
      <c r="C29" s="842"/>
      <c r="D29" s="842"/>
      <c r="E29" s="842"/>
      <c r="F29" s="842"/>
      <c r="G29" s="842"/>
      <c r="H29" s="842"/>
      <c r="I29" s="842"/>
      <c r="J29" s="842"/>
      <c r="K29" s="842"/>
      <c r="L29" s="842"/>
      <c r="M29" s="842"/>
      <c r="N29" s="842"/>
      <c r="O29" s="842"/>
      <c r="P29" s="843"/>
      <c r="Q29" s="844">
        <v>5652</v>
      </c>
      <c r="R29" s="845"/>
      <c r="S29" s="845"/>
      <c r="T29" s="845"/>
      <c r="U29" s="845"/>
      <c r="V29" s="845">
        <v>5566</v>
      </c>
      <c r="W29" s="845"/>
      <c r="X29" s="845"/>
      <c r="Y29" s="845"/>
      <c r="Z29" s="845"/>
      <c r="AA29" s="845">
        <v>86</v>
      </c>
      <c r="AB29" s="845"/>
      <c r="AC29" s="845"/>
      <c r="AD29" s="845"/>
      <c r="AE29" s="846"/>
      <c r="AF29" s="847">
        <v>86</v>
      </c>
      <c r="AG29" s="848"/>
      <c r="AH29" s="848"/>
      <c r="AI29" s="848"/>
      <c r="AJ29" s="849"/>
      <c r="AK29" s="916">
        <v>925</v>
      </c>
      <c r="AL29" s="917"/>
      <c r="AM29" s="917"/>
      <c r="AN29" s="917"/>
      <c r="AO29" s="917"/>
      <c r="AP29" s="917"/>
      <c r="AQ29" s="917"/>
      <c r="AR29" s="917"/>
      <c r="AS29" s="917"/>
      <c r="AT29" s="917"/>
      <c r="AU29" s="917"/>
      <c r="AV29" s="917"/>
      <c r="AW29" s="917"/>
      <c r="AX29" s="917"/>
      <c r="AY29" s="917"/>
      <c r="AZ29" s="918"/>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4</v>
      </c>
      <c r="C30" s="842"/>
      <c r="D30" s="842"/>
      <c r="E30" s="842"/>
      <c r="F30" s="842"/>
      <c r="G30" s="842"/>
      <c r="H30" s="842"/>
      <c r="I30" s="842"/>
      <c r="J30" s="842"/>
      <c r="K30" s="842"/>
      <c r="L30" s="842"/>
      <c r="M30" s="842"/>
      <c r="N30" s="842"/>
      <c r="O30" s="842"/>
      <c r="P30" s="843"/>
      <c r="Q30" s="844">
        <v>1196</v>
      </c>
      <c r="R30" s="845"/>
      <c r="S30" s="845"/>
      <c r="T30" s="845"/>
      <c r="U30" s="845"/>
      <c r="V30" s="845">
        <v>1181</v>
      </c>
      <c r="W30" s="845"/>
      <c r="X30" s="845"/>
      <c r="Y30" s="845"/>
      <c r="Z30" s="845"/>
      <c r="AA30" s="845">
        <v>15</v>
      </c>
      <c r="AB30" s="845"/>
      <c r="AC30" s="845"/>
      <c r="AD30" s="845"/>
      <c r="AE30" s="846"/>
      <c r="AF30" s="847">
        <v>15</v>
      </c>
      <c r="AG30" s="848"/>
      <c r="AH30" s="848"/>
      <c r="AI30" s="848"/>
      <c r="AJ30" s="849"/>
      <c r="AK30" s="916">
        <v>156</v>
      </c>
      <c r="AL30" s="917"/>
      <c r="AM30" s="917"/>
      <c r="AN30" s="917"/>
      <c r="AO30" s="917"/>
      <c r="AP30" s="917"/>
      <c r="AQ30" s="917"/>
      <c r="AR30" s="917"/>
      <c r="AS30" s="917"/>
      <c r="AT30" s="917"/>
      <c r="AU30" s="917"/>
      <c r="AV30" s="917"/>
      <c r="AW30" s="917"/>
      <c r="AX30" s="917"/>
      <c r="AY30" s="917"/>
      <c r="AZ30" s="918"/>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05</v>
      </c>
      <c r="C31" s="842"/>
      <c r="D31" s="842"/>
      <c r="E31" s="842"/>
      <c r="F31" s="842"/>
      <c r="G31" s="842"/>
      <c r="H31" s="842"/>
      <c r="I31" s="842"/>
      <c r="J31" s="842"/>
      <c r="K31" s="842"/>
      <c r="L31" s="842"/>
      <c r="M31" s="842"/>
      <c r="N31" s="842"/>
      <c r="O31" s="842"/>
      <c r="P31" s="843"/>
      <c r="Q31" s="844">
        <v>2942</v>
      </c>
      <c r="R31" s="845"/>
      <c r="S31" s="845"/>
      <c r="T31" s="845"/>
      <c r="U31" s="845"/>
      <c r="V31" s="845">
        <v>2334</v>
      </c>
      <c r="W31" s="845"/>
      <c r="X31" s="845"/>
      <c r="Y31" s="845"/>
      <c r="Z31" s="845"/>
      <c r="AA31" s="845">
        <v>608</v>
      </c>
      <c r="AB31" s="845"/>
      <c r="AC31" s="845"/>
      <c r="AD31" s="845"/>
      <c r="AE31" s="846"/>
      <c r="AF31" s="847">
        <v>22</v>
      </c>
      <c r="AG31" s="848"/>
      <c r="AH31" s="848"/>
      <c r="AI31" s="848"/>
      <c r="AJ31" s="849"/>
      <c r="AK31" s="916">
        <v>971</v>
      </c>
      <c r="AL31" s="917"/>
      <c r="AM31" s="917"/>
      <c r="AN31" s="917"/>
      <c r="AO31" s="917"/>
      <c r="AP31" s="917">
        <v>10142</v>
      </c>
      <c r="AQ31" s="917"/>
      <c r="AR31" s="917"/>
      <c r="AS31" s="917"/>
      <c r="AT31" s="917"/>
      <c r="AU31" s="917">
        <v>6177</v>
      </c>
      <c r="AV31" s="917"/>
      <c r="AW31" s="917"/>
      <c r="AX31" s="917"/>
      <c r="AY31" s="917"/>
      <c r="AZ31" s="918" t="s">
        <v>572</v>
      </c>
      <c r="BA31" s="918"/>
      <c r="BB31" s="918"/>
      <c r="BC31" s="918"/>
      <c r="BD31" s="918"/>
      <c r="BE31" s="914" t="s">
        <v>406</v>
      </c>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c r="C32" s="842"/>
      <c r="D32" s="842"/>
      <c r="E32" s="842"/>
      <c r="F32" s="842"/>
      <c r="G32" s="842"/>
      <c r="H32" s="842"/>
      <c r="I32" s="842"/>
      <c r="J32" s="842"/>
      <c r="K32" s="842"/>
      <c r="L32" s="842"/>
      <c r="M32" s="842"/>
      <c r="N32" s="842"/>
      <c r="O32" s="842"/>
      <c r="P32" s="843"/>
      <c r="Q32" s="844"/>
      <c r="R32" s="845"/>
      <c r="S32" s="845"/>
      <c r="T32" s="845"/>
      <c r="U32" s="845"/>
      <c r="V32" s="845"/>
      <c r="W32" s="845"/>
      <c r="X32" s="845"/>
      <c r="Y32" s="845"/>
      <c r="Z32" s="845"/>
      <c r="AA32" s="845"/>
      <c r="AB32" s="845"/>
      <c r="AC32" s="845"/>
      <c r="AD32" s="845"/>
      <c r="AE32" s="846"/>
      <c r="AF32" s="847"/>
      <c r="AG32" s="848"/>
      <c r="AH32" s="848"/>
      <c r="AI32" s="848"/>
      <c r="AJ32" s="849"/>
      <c r="AK32" s="916"/>
      <c r="AL32" s="917"/>
      <c r="AM32" s="917"/>
      <c r="AN32" s="917"/>
      <c r="AO32" s="917"/>
      <c r="AP32" s="917"/>
      <c r="AQ32" s="917"/>
      <c r="AR32" s="917"/>
      <c r="AS32" s="917"/>
      <c r="AT32" s="917"/>
      <c r="AU32" s="917"/>
      <c r="AV32" s="917"/>
      <c r="AW32" s="917"/>
      <c r="AX32" s="917"/>
      <c r="AY32" s="917"/>
      <c r="AZ32" s="918"/>
      <c r="BA32" s="918"/>
      <c r="BB32" s="918"/>
      <c r="BC32" s="918"/>
      <c r="BD32" s="918"/>
      <c r="BE32" s="914"/>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6"/>
      <c r="AL33" s="917"/>
      <c r="AM33" s="917"/>
      <c r="AN33" s="917"/>
      <c r="AO33" s="917"/>
      <c r="AP33" s="917"/>
      <c r="AQ33" s="917"/>
      <c r="AR33" s="917"/>
      <c r="AS33" s="917"/>
      <c r="AT33" s="917"/>
      <c r="AU33" s="917"/>
      <c r="AV33" s="917"/>
      <c r="AW33" s="917"/>
      <c r="AX33" s="917"/>
      <c r="AY33" s="917"/>
      <c r="AZ33" s="918"/>
      <c r="BA33" s="918"/>
      <c r="BB33" s="918"/>
      <c r="BC33" s="918"/>
      <c r="BD33" s="918"/>
      <c r="BE33" s="914"/>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6"/>
      <c r="AL34" s="917"/>
      <c r="AM34" s="917"/>
      <c r="AN34" s="917"/>
      <c r="AO34" s="917"/>
      <c r="AP34" s="917"/>
      <c r="AQ34" s="917"/>
      <c r="AR34" s="917"/>
      <c r="AS34" s="917"/>
      <c r="AT34" s="917"/>
      <c r="AU34" s="917"/>
      <c r="AV34" s="917"/>
      <c r="AW34" s="917"/>
      <c r="AX34" s="917"/>
      <c r="AY34" s="917"/>
      <c r="AZ34" s="918"/>
      <c r="BA34" s="918"/>
      <c r="BB34" s="918"/>
      <c r="BC34" s="918"/>
      <c r="BD34" s="918"/>
      <c r="BE34" s="914"/>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07</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89</v>
      </c>
      <c r="B63" s="876" t="s">
        <v>408</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148</v>
      </c>
      <c r="AG63" s="928"/>
      <c r="AH63" s="928"/>
      <c r="AI63" s="928"/>
      <c r="AJ63" s="929"/>
      <c r="AK63" s="930"/>
      <c r="AL63" s="925"/>
      <c r="AM63" s="925"/>
      <c r="AN63" s="925"/>
      <c r="AO63" s="925"/>
      <c r="AP63" s="928">
        <f>SUM(AP28:AT62)</f>
        <v>10142</v>
      </c>
      <c r="AQ63" s="928"/>
      <c r="AR63" s="928"/>
      <c r="AS63" s="928"/>
      <c r="AT63" s="928"/>
      <c r="AU63" s="932">
        <f t="shared" ref="AU63" si="0">SUM(AU28:AY62)</f>
        <v>6177</v>
      </c>
      <c r="AV63" s="933"/>
      <c r="AW63" s="933"/>
      <c r="AX63" s="933"/>
      <c r="AY63" s="934"/>
      <c r="AZ63" s="935"/>
      <c r="BA63" s="936"/>
      <c r="BB63" s="936"/>
      <c r="BC63" s="936"/>
      <c r="BD63" s="937"/>
      <c r="BE63" s="938"/>
      <c r="BF63" s="939"/>
      <c r="BG63" s="939"/>
      <c r="BH63" s="939"/>
      <c r="BI63" s="940"/>
      <c r="BJ63" s="941" t="s">
        <v>409</v>
      </c>
      <c r="BK63" s="933"/>
      <c r="BL63" s="933"/>
      <c r="BM63" s="933"/>
      <c r="BN63" s="942"/>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10</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11</v>
      </c>
      <c r="B66" s="827"/>
      <c r="C66" s="827"/>
      <c r="D66" s="827"/>
      <c r="E66" s="827"/>
      <c r="F66" s="827"/>
      <c r="G66" s="827"/>
      <c r="H66" s="827"/>
      <c r="I66" s="827"/>
      <c r="J66" s="827"/>
      <c r="K66" s="827"/>
      <c r="L66" s="827"/>
      <c r="M66" s="827"/>
      <c r="N66" s="827"/>
      <c r="O66" s="827"/>
      <c r="P66" s="828"/>
      <c r="Q66" s="803" t="s">
        <v>412</v>
      </c>
      <c r="R66" s="804"/>
      <c r="S66" s="804"/>
      <c r="T66" s="804"/>
      <c r="U66" s="805"/>
      <c r="V66" s="803" t="s">
        <v>413</v>
      </c>
      <c r="W66" s="804"/>
      <c r="X66" s="804"/>
      <c r="Y66" s="804"/>
      <c r="Z66" s="805"/>
      <c r="AA66" s="803" t="s">
        <v>396</v>
      </c>
      <c r="AB66" s="804"/>
      <c r="AC66" s="804"/>
      <c r="AD66" s="804"/>
      <c r="AE66" s="805"/>
      <c r="AF66" s="943" t="s">
        <v>414</v>
      </c>
      <c r="AG66" s="899"/>
      <c r="AH66" s="899"/>
      <c r="AI66" s="899"/>
      <c r="AJ66" s="944"/>
      <c r="AK66" s="803" t="s">
        <v>415</v>
      </c>
      <c r="AL66" s="827"/>
      <c r="AM66" s="827"/>
      <c r="AN66" s="827"/>
      <c r="AO66" s="828"/>
      <c r="AP66" s="803" t="s">
        <v>416</v>
      </c>
      <c r="AQ66" s="804"/>
      <c r="AR66" s="804"/>
      <c r="AS66" s="804"/>
      <c r="AT66" s="805"/>
      <c r="AU66" s="803" t="s">
        <v>417</v>
      </c>
      <c r="AV66" s="804"/>
      <c r="AW66" s="804"/>
      <c r="AX66" s="804"/>
      <c r="AY66" s="805"/>
      <c r="AZ66" s="803" t="s">
        <v>375</v>
      </c>
      <c r="BA66" s="804"/>
      <c r="BB66" s="804"/>
      <c r="BC66" s="804"/>
      <c r="BD66" s="815"/>
      <c r="BE66" s="267"/>
      <c r="BF66" s="267"/>
      <c r="BG66" s="267"/>
      <c r="BH66" s="267"/>
      <c r="BI66" s="267"/>
      <c r="BJ66" s="267"/>
      <c r="BK66" s="267"/>
      <c r="BL66" s="267"/>
      <c r="BM66" s="267"/>
      <c r="BN66" s="267"/>
      <c r="BO66" s="267"/>
      <c r="BP66" s="267"/>
      <c r="BQ66" s="264">
        <v>60</v>
      </c>
      <c r="BR66" s="269"/>
      <c r="BS66" s="954"/>
      <c r="BT66" s="955"/>
      <c r="BU66" s="955"/>
      <c r="BV66" s="955"/>
      <c r="BW66" s="955"/>
      <c r="BX66" s="955"/>
      <c r="BY66" s="955"/>
      <c r="BZ66" s="955"/>
      <c r="CA66" s="955"/>
      <c r="CB66" s="955"/>
      <c r="CC66" s="955"/>
      <c r="CD66" s="955"/>
      <c r="CE66" s="955"/>
      <c r="CF66" s="955"/>
      <c r="CG66" s="956"/>
      <c r="CH66" s="951"/>
      <c r="CI66" s="952"/>
      <c r="CJ66" s="952"/>
      <c r="CK66" s="952"/>
      <c r="CL66" s="953"/>
      <c r="CM66" s="951"/>
      <c r="CN66" s="952"/>
      <c r="CO66" s="952"/>
      <c r="CP66" s="952"/>
      <c r="CQ66" s="953"/>
      <c r="CR66" s="951"/>
      <c r="CS66" s="952"/>
      <c r="CT66" s="952"/>
      <c r="CU66" s="952"/>
      <c r="CV66" s="953"/>
      <c r="CW66" s="951"/>
      <c r="CX66" s="952"/>
      <c r="CY66" s="952"/>
      <c r="CZ66" s="952"/>
      <c r="DA66" s="953"/>
      <c r="DB66" s="951"/>
      <c r="DC66" s="952"/>
      <c r="DD66" s="952"/>
      <c r="DE66" s="952"/>
      <c r="DF66" s="953"/>
      <c r="DG66" s="951"/>
      <c r="DH66" s="952"/>
      <c r="DI66" s="952"/>
      <c r="DJ66" s="952"/>
      <c r="DK66" s="953"/>
      <c r="DL66" s="951"/>
      <c r="DM66" s="952"/>
      <c r="DN66" s="952"/>
      <c r="DO66" s="952"/>
      <c r="DP66" s="953"/>
      <c r="DQ66" s="951"/>
      <c r="DR66" s="952"/>
      <c r="DS66" s="952"/>
      <c r="DT66" s="952"/>
      <c r="DU66" s="953"/>
      <c r="DV66" s="948"/>
      <c r="DW66" s="949"/>
      <c r="DX66" s="949"/>
      <c r="DY66" s="949"/>
      <c r="DZ66" s="950"/>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5"/>
      <c r="AG67" s="902"/>
      <c r="AH67" s="902"/>
      <c r="AI67" s="902"/>
      <c r="AJ67" s="946"/>
      <c r="AK67" s="947"/>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54"/>
      <c r="BT67" s="955"/>
      <c r="BU67" s="955"/>
      <c r="BV67" s="955"/>
      <c r="BW67" s="955"/>
      <c r="BX67" s="955"/>
      <c r="BY67" s="955"/>
      <c r="BZ67" s="955"/>
      <c r="CA67" s="955"/>
      <c r="CB67" s="955"/>
      <c r="CC67" s="955"/>
      <c r="CD67" s="955"/>
      <c r="CE67" s="955"/>
      <c r="CF67" s="955"/>
      <c r="CG67" s="956"/>
      <c r="CH67" s="951"/>
      <c r="CI67" s="952"/>
      <c r="CJ67" s="952"/>
      <c r="CK67" s="952"/>
      <c r="CL67" s="953"/>
      <c r="CM67" s="951"/>
      <c r="CN67" s="952"/>
      <c r="CO67" s="952"/>
      <c r="CP67" s="952"/>
      <c r="CQ67" s="953"/>
      <c r="CR67" s="951"/>
      <c r="CS67" s="952"/>
      <c r="CT67" s="952"/>
      <c r="CU67" s="952"/>
      <c r="CV67" s="953"/>
      <c r="CW67" s="951"/>
      <c r="CX67" s="952"/>
      <c r="CY67" s="952"/>
      <c r="CZ67" s="952"/>
      <c r="DA67" s="953"/>
      <c r="DB67" s="951"/>
      <c r="DC67" s="952"/>
      <c r="DD67" s="952"/>
      <c r="DE67" s="952"/>
      <c r="DF67" s="953"/>
      <c r="DG67" s="951"/>
      <c r="DH67" s="952"/>
      <c r="DI67" s="952"/>
      <c r="DJ67" s="952"/>
      <c r="DK67" s="953"/>
      <c r="DL67" s="951"/>
      <c r="DM67" s="952"/>
      <c r="DN67" s="952"/>
      <c r="DO67" s="952"/>
      <c r="DP67" s="953"/>
      <c r="DQ67" s="951"/>
      <c r="DR67" s="952"/>
      <c r="DS67" s="952"/>
      <c r="DT67" s="952"/>
      <c r="DU67" s="953"/>
      <c r="DV67" s="948"/>
      <c r="DW67" s="949"/>
      <c r="DX67" s="949"/>
      <c r="DY67" s="949"/>
      <c r="DZ67" s="950"/>
      <c r="EA67" s="248"/>
    </row>
    <row r="68" spans="1:131" s="249" customFormat="1" ht="26.25" customHeight="1" thickTop="1" x14ac:dyDescent="0.2">
      <c r="A68" s="260">
        <v>1</v>
      </c>
      <c r="B68" s="960" t="s">
        <v>573</v>
      </c>
      <c r="C68" s="961"/>
      <c r="D68" s="961"/>
      <c r="E68" s="961"/>
      <c r="F68" s="961"/>
      <c r="G68" s="961"/>
      <c r="H68" s="961"/>
      <c r="I68" s="961"/>
      <c r="J68" s="961"/>
      <c r="K68" s="961"/>
      <c r="L68" s="961"/>
      <c r="M68" s="961"/>
      <c r="N68" s="961"/>
      <c r="O68" s="961"/>
      <c r="P68" s="962"/>
      <c r="Q68" s="963">
        <v>396</v>
      </c>
      <c r="R68" s="957"/>
      <c r="S68" s="957"/>
      <c r="T68" s="957"/>
      <c r="U68" s="957"/>
      <c r="V68" s="957">
        <v>366</v>
      </c>
      <c r="W68" s="957"/>
      <c r="X68" s="957"/>
      <c r="Y68" s="957"/>
      <c r="Z68" s="957"/>
      <c r="AA68" s="957">
        <v>30</v>
      </c>
      <c r="AB68" s="957"/>
      <c r="AC68" s="957"/>
      <c r="AD68" s="957"/>
      <c r="AE68" s="957"/>
      <c r="AF68" s="957">
        <v>30</v>
      </c>
      <c r="AG68" s="957"/>
      <c r="AH68" s="957"/>
      <c r="AI68" s="957"/>
      <c r="AJ68" s="957"/>
      <c r="AK68" s="957"/>
      <c r="AL68" s="957"/>
      <c r="AM68" s="957"/>
      <c r="AN68" s="957"/>
      <c r="AO68" s="957"/>
      <c r="AP68" s="957">
        <v>65</v>
      </c>
      <c r="AQ68" s="957"/>
      <c r="AR68" s="957"/>
      <c r="AS68" s="957"/>
      <c r="AT68" s="957"/>
      <c r="AU68" s="957">
        <v>11</v>
      </c>
      <c r="AV68" s="957"/>
      <c r="AW68" s="957"/>
      <c r="AX68" s="957"/>
      <c r="AY68" s="957"/>
      <c r="AZ68" s="958"/>
      <c r="BA68" s="958"/>
      <c r="BB68" s="958"/>
      <c r="BC68" s="958"/>
      <c r="BD68" s="959"/>
      <c r="BE68" s="267"/>
      <c r="BF68" s="267"/>
      <c r="BG68" s="267"/>
      <c r="BH68" s="267"/>
      <c r="BI68" s="267"/>
      <c r="BJ68" s="267"/>
      <c r="BK68" s="267"/>
      <c r="BL68" s="267"/>
      <c r="BM68" s="267"/>
      <c r="BN68" s="267"/>
      <c r="BO68" s="267"/>
      <c r="BP68" s="267"/>
      <c r="BQ68" s="264">
        <v>62</v>
      </c>
      <c r="BR68" s="269"/>
      <c r="BS68" s="954"/>
      <c r="BT68" s="955"/>
      <c r="BU68" s="955"/>
      <c r="BV68" s="955"/>
      <c r="BW68" s="955"/>
      <c r="BX68" s="955"/>
      <c r="BY68" s="955"/>
      <c r="BZ68" s="955"/>
      <c r="CA68" s="955"/>
      <c r="CB68" s="955"/>
      <c r="CC68" s="955"/>
      <c r="CD68" s="955"/>
      <c r="CE68" s="955"/>
      <c r="CF68" s="955"/>
      <c r="CG68" s="956"/>
      <c r="CH68" s="951"/>
      <c r="CI68" s="952"/>
      <c r="CJ68" s="952"/>
      <c r="CK68" s="952"/>
      <c r="CL68" s="953"/>
      <c r="CM68" s="951"/>
      <c r="CN68" s="952"/>
      <c r="CO68" s="952"/>
      <c r="CP68" s="952"/>
      <c r="CQ68" s="953"/>
      <c r="CR68" s="951"/>
      <c r="CS68" s="952"/>
      <c r="CT68" s="952"/>
      <c r="CU68" s="952"/>
      <c r="CV68" s="953"/>
      <c r="CW68" s="951"/>
      <c r="CX68" s="952"/>
      <c r="CY68" s="952"/>
      <c r="CZ68" s="952"/>
      <c r="DA68" s="953"/>
      <c r="DB68" s="951"/>
      <c r="DC68" s="952"/>
      <c r="DD68" s="952"/>
      <c r="DE68" s="952"/>
      <c r="DF68" s="953"/>
      <c r="DG68" s="951"/>
      <c r="DH68" s="952"/>
      <c r="DI68" s="952"/>
      <c r="DJ68" s="952"/>
      <c r="DK68" s="953"/>
      <c r="DL68" s="951"/>
      <c r="DM68" s="952"/>
      <c r="DN68" s="952"/>
      <c r="DO68" s="952"/>
      <c r="DP68" s="953"/>
      <c r="DQ68" s="951"/>
      <c r="DR68" s="952"/>
      <c r="DS68" s="952"/>
      <c r="DT68" s="952"/>
      <c r="DU68" s="953"/>
      <c r="DV68" s="948"/>
      <c r="DW68" s="949"/>
      <c r="DX68" s="949"/>
      <c r="DY68" s="949"/>
      <c r="DZ68" s="950"/>
      <c r="EA68" s="248"/>
    </row>
    <row r="69" spans="1:131" s="249" customFormat="1" ht="26.25" customHeight="1" x14ac:dyDescent="0.2">
      <c r="A69" s="263">
        <v>2</v>
      </c>
      <c r="B69" s="964" t="s">
        <v>574</v>
      </c>
      <c r="C69" s="965"/>
      <c r="D69" s="965"/>
      <c r="E69" s="965"/>
      <c r="F69" s="965"/>
      <c r="G69" s="965"/>
      <c r="H69" s="965"/>
      <c r="I69" s="965"/>
      <c r="J69" s="965"/>
      <c r="K69" s="965"/>
      <c r="L69" s="965"/>
      <c r="M69" s="965"/>
      <c r="N69" s="965"/>
      <c r="O69" s="965"/>
      <c r="P69" s="966"/>
      <c r="Q69" s="967">
        <v>3090</v>
      </c>
      <c r="R69" s="917"/>
      <c r="S69" s="917"/>
      <c r="T69" s="917"/>
      <c r="U69" s="917"/>
      <c r="V69" s="917">
        <v>2776</v>
      </c>
      <c r="W69" s="917"/>
      <c r="X69" s="917"/>
      <c r="Y69" s="917"/>
      <c r="Z69" s="917"/>
      <c r="AA69" s="917">
        <v>314</v>
      </c>
      <c r="AB69" s="917"/>
      <c r="AC69" s="917"/>
      <c r="AD69" s="917"/>
      <c r="AE69" s="917"/>
      <c r="AF69" s="917">
        <v>256</v>
      </c>
      <c r="AG69" s="917"/>
      <c r="AH69" s="917"/>
      <c r="AI69" s="917"/>
      <c r="AJ69" s="917"/>
      <c r="AK69" s="917"/>
      <c r="AL69" s="917"/>
      <c r="AM69" s="917"/>
      <c r="AN69" s="917"/>
      <c r="AO69" s="917"/>
      <c r="AP69" s="917">
        <v>11962</v>
      </c>
      <c r="AQ69" s="917"/>
      <c r="AR69" s="917"/>
      <c r="AS69" s="917"/>
      <c r="AT69" s="917"/>
      <c r="AU69" s="917">
        <v>3449</v>
      </c>
      <c r="AV69" s="917"/>
      <c r="AW69" s="917"/>
      <c r="AX69" s="917"/>
      <c r="AY69" s="917"/>
      <c r="AZ69" s="968"/>
      <c r="BA69" s="968"/>
      <c r="BB69" s="968"/>
      <c r="BC69" s="968"/>
      <c r="BD69" s="969"/>
      <c r="BE69" s="267"/>
      <c r="BF69" s="267"/>
      <c r="BG69" s="267"/>
      <c r="BH69" s="267"/>
      <c r="BI69" s="267"/>
      <c r="BJ69" s="267"/>
      <c r="BK69" s="267"/>
      <c r="BL69" s="267"/>
      <c r="BM69" s="267"/>
      <c r="BN69" s="267"/>
      <c r="BO69" s="267"/>
      <c r="BP69" s="267"/>
      <c r="BQ69" s="264">
        <v>63</v>
      </c>
      <c r="BR69" s="269"/>
      <c r="BS69" s="954"/>
      <c r="BT69" s="955"/>
      <c r="BU69" s="955"/>
      <c r="BV69" s="955"/>
      <c r="BW69" s="955"/>
      <c r="BX69" s="955"/>
      <c r="BY69" s="955"/>
      <c r="BZ69" s="955"/>
      <c r="CA69" s="955"/>
      <c r="CB69" s="955"/>
      <c r="CC69" s="955"/>
      <c r="CD69" s="955"/>
      <c r="CE69" s="955"/>
      <c r="CF69" s="955"/>
      <c r="CG69" s="956"/>
      <c r="CH69" s="951"/>
      <c r="CI69" s="952"/>
      <c r="CJ69" s="952"/>
      <c r="CK69" s="952"/>
      <c r="CL69" s="953"/>
      <c r="CM69" s="951"/>
      <c r="CN69" s="952"/>
      <c r="CO69" s="952"/>
      <c r="CP69" s="952"/>
      <c r="CQ69" s="953"/>
      <c r="CR69" s="951"/>
      <c r="CS69" s="952"/>
      <c r="CT69" s="952"/>
      <c r="CU69" s="952"/>
      <c r="CV69" s="953"/>
      <c r="CW69" s="951"/>
      <c r="CX69" s="952"/>
      <c r="CY69" s="952"/>
      <c r="CZ69" s="952"/>
      <c r="DA69" s="953"/>
      <c r="DB69" s="951"/>
      <c r="DC69" s="952"/>
      <c r="DD69" s="952"/>
      <c r="DE69" s="952"/>
      <c r="DF69" s="953"/>
      <c r="DG69" s="951"/>
      <c r="DH69" s="952"/>
      <c r="DI69" s="952"/>
      <c r="DJ69" s="952"/>
      <c r="DK69" s="953"/>
      <c r="DL69" s="951"/>
      <c r="DM69" s="952"/>
      <c r="DN69" s="952"/>
      <c r="DO69" s="952"/>
      <c r="DP69" s="953"/>
      <c r="DQ69" s="951"/>
      <c r="DR69" s="952"/>
      <c r="DS69" s="952"/>
      <c r="DT69" s="952"/>
      <c r="DU69" s="953"/>
      <c r="DV69" s="948"/>
      <c r="DW69" s="949"/>
      <c r="DX69" s="949"/>
      <c r="DY69" s="949"/>
      <c r="DZ69" s="950"/>
      <c r="EA69" s="248"/>
    </row>
    <row r="70" spans="1:131" s="249" customFormat="1" ht="26.25" customHeight="1" x14ac:dyDescent="0.2">
      <c r="A70" s="263">
        <v>3</v>
      </c>
      <c r="B70" s="964" t="s">
        <v>575</v>
      </c>
      <c r="C70" s="965"/>
      <c r="D70" s="965"/>
      <c r="E70" s="965"/>
      <c r="F70" s="965"/>
      <c r="G70" s="965"/>
      <c r="H70" s="965"/>
      <c r="I70" s="965"/>
      <c r="J70" s="965"/>
      <c r="K70" s="965"/>
      <c r="L70" s="965"/>
      <c r="M70" s="965"/>
      <c r="N70" s="965"/>
      <c r="O70" s="965"/>
      <c r="P70" s="966"/>
      <c r="Q70" s="967">
        <v>4670</v>
      </c>
      <c r="R70" s="917"/>
      <c r="S70" s="917"/>
      <c r="T70" s="917"/>
      <c r="U70" s="917"/>
      <c r="V70" s="917">
        <v>3737</v>
      </c>
      <c r="W70" s="917"/>
      <c r="X70" s="917"/>
      <c r="Y70" s="917"/>
      <c r="Z70" s="917"/>
      <c r="AA70" s="917">
        <v>933</v>
      </c>
      <c r="AB70" s="917"/>
      <c r="AC70" s="917"/>
      <c r="AD70" s="917"/>
      <c r="AE70" s="917"/>
      <c r="AF70" s="917">
        <v>933</v>
      </c>
      <c r="AG70" s="917"/>
      <c r="AH70" s="917"/>
      <c r="AI70" s="917"/>
      <c r="AJ70" s="917"/>
      <c r="AK70" s="917">
        <v>203</v>
      </c>
      <c r="AL70" s="917"/>
      <c r="AM70" s="917"/>
      <c r="AN70" s="917"/>
      <c r="AO70" s="917"/>
      <c r="AP70" s="917"/>
      <c r="AQ70" s="917"/>
      <c r="AR70" s="917"/>
      <c r="AS70" s="917"/>
      <c r="AT70" s="917"/>
      <c r="AU70" s="917"/>
      <c r="AV70" s="917"/>
      <c r="AW70" s="917"/>
      <c r="AX70" s="917"/>
      <c r="AY70" s="917"/>
      <c r="AZ70" s="968"/>
      <c r="BA70" s="968"/>
      <c r="BB70" s="968"/>
      <c r="BC70" s="968"/>
      <c r="BD70" s="969"/>
      <c r="BE70" s="267"/>
      <c r="BF70" s="267"/>
      <c r="BG70" s="267"/>
      <c r="BH70" s="267"/>
      <c r="BI70" s="267"/>
      <c r="BJ70" s="267"/>
      <c r="BK70" s="267"/>
      <c r="BL70" s="267"/>
      <c r="BM70" s="267"/>
      <c r="BN70" s="267"/>
      <c r="BO70" s="267"/>
      <c r="BP70" s="267"/>
      <c r="BQ70" s="264">
        <v>64</v>
      </c>
      <c r="BR70" s="269"/>
      <c r="BS70" s="954"/>
      <c r="BT70" s="955"/>
      <c r="BU70" s="955"/>
      <c r="BV70" s="955"/>
      <c r="BW70" s="955"/>
      <c r="BX70" s="955"/>
      <c r="BY70" s="955"/>
      <c r="BZ70" s="955"/>
      <c r="CA70" s="955"/>
      <c r="CB70" s="955"/>
      <c r="CC70" s="955"/>
      <c r="CD70" s="955"/>
      <c r="CE70" s="955"/>
      <c r="CF70" s="955"/>
      <c r="CG70" s="956"/>
      <c r="CH70" s="951"/>
      <c r="CI70" s="952"/>
      <c r="CJ70" s="952"/>
      <c r="CK70" s="952"/>
      <c r="CL70" s="953"/>
      <c r="CM70" s="951"/>
      <c r="CN70" s="952"/>
      <c r="CO70" s="952"/>
      <c r="CP70" s="952"/>
      <c r="CQ70" s="953"/>
      <c r="CR70" s="951"/>
      <c r="CS70" s="952"/>
      <c r="CT70" s="952"/>
      <c r="CU70" s="952"/>
      <c r="CV70" s="953"/>
      <c r="CW70" s="951"/>
      <c r="CX70" s="952"/>
      <c r="CY70" s="952"/>
      <c r="CZ70" s="952"/>
      <c r="DA70" s="953"/>
      <c r="DB70" s="951"/>
      <c r="DC70" s="952"/>
      <c r="DD70" s="952"/>
      <c r="DE70" s="952"/>
      <c r="DF70" s="953"/>
      <c r="DG70" s="951"/>
      <c r="DH70" s="952"/>
      <c r="DI70" s="952"/>
      <c r="DJ70" s="952"/>
      <c r="DK70" s="953"/>
      <c r="DL70" s="951"/>
      <c r="DM70" s="952"/>
      <c r="DN70" s="952"/>
      <c r="DO70" s="952"/>
      <c r="DP70" s="953"/>
      <c r="DQ70" s="951"/>
      <c r="DR70" s="952"/>
      <c r="DS70" s="952"/>
      <c r="DT70" s="952"/>
      <c r="DU70" s="953"/>
      <c r="DV70" s="948"/>
      <c r="DW70" s="949"/>
      <c r="DX70" s="949"/>
      <c r="DY70" s="949"/>
      <c r="DZ70" s="950"/>
      <c r="EA70" s="248"/>
    </row>
    <row r="71" spans="1:131" s="249" customFormat="1" ht="26.25" customHeight="1" x14ac:dyDescent="0.2">
      <c r="A71" s="263">
        <v>4</v>
      </c>
      <c r="B71" s="964" t="s">
        <v>576</v>
      </c>
      <c r="C71" s="965"/>
      <c r="D71" s="965"/>
      <c r="E71" s="965"/>
      <c r="F71" s="965"/>
      <c r="G71" s="965"/>
      <c r="H71" s="965"/>
      <c r="I71" s="965"/>
      <c r="J71" s="965"/>
      <c r="K71" s="965"/>
      <c r="L71" s="965"/>
      <c r="M71" s="965"/>
      <c r="N71" s="965"/>
      <c r="O71" s="965"/>
      <c r="P71" s="966"/>
      <c r="Q71" s="967">
        <v>950375</v>
      </c>
      <c r="R71" s="917"/>
      <c r="S71" s="917"/>
      <c r="T71" s="917"/>
      <c r="U71" s="917"/>
      <c r="V71" s="917">
        <v>910903</v>
      </c>
      <c r="W71" s="917"/>
      <c r="X71" s="917"/>
      <c r="Y71" s="917"/>
      <c r="Z71" s="917"/>
      <c r="AA71" s="917">
        <v>39472</v>
      </c>
      <c r="AB71" s="917"/>
      <c r="AC71" s="917"/>
      <c r="AD71" s="917"/>
      <c r="AE71" s="917"/>
      <c r="AF71" s="917">
        <v>39472</v>
      </c>
      <c r="AG71" s="917"/>
      <c r="AH71" s="917"/>
      <c r="AI71" s="917"/>
      <c r="AJ71" s="917"/>
      <c r="AK71" s="917">
        <v>4149</v>
      </c>
      <c r="AL71" s="917"/>
      <c r="AM71" s="917"/>
      <c r="AN71" s="917"/>
      <c r="AO71" s="917"/>
      <c r="AP71" s="917"/>
      <c r="AQ71" s="917"/>
      <c r="AR71" s="917"/>
      <c r="AS71" s="917"/>
      <c r="AT71" s="917"/>
      <c r="AU71" s="917"/>
      <c r="AV71" s="917"/>
      <c r="AW71" s="917"/>
      <c r="AX71" s="917"/>
      <c r="AY71" s="917"/>
      <c r="AZ71" s="968"/>
      <c r="BA71" s="968"/>
      <c r="BB71" s="968"/>
      <c r="BC71" s="968"/>
      <c r="BD71" s="969"/>
      <c r="BE71" s="267"/>
      <c r="BF71" s="267"/>
      <c r="BG71" s="267"/>
      <c r="BH71" s="267"/>
      <c r="BI71" s="267"/>
      <c r="BJ71" s="267"/>
      <c r="BK71" s="267"/>
      <c r="BL71" s="267"/>
      <c r="BM71" s="267"/>
      <c r="BN71" s="267"/>
      <c r="BO71" s="267"/>
      <c r="BP71" s="267"/>
      <c r="BQ71" s="264">
        <v>65</v>
      </c>
      <c r="BR71" s="269"/>
      <c r="BS71" s="954"/>
      <c r="BT71" s="955"/>
      <c r="BU71" s="955"/>
      <c r="BV71" s="955"/>
      <c r="BW71" s="955"/>
      <c r="BX71" s="955"/>
      <c r="BY71" s="955"/>
      <c r="BZ71" s="955"/>
      <c r="CA71" s="955"/>
      <c r="CB71" s="955"/>
      <c r="CC71" s="955"/>
      <c r="CD71" s="955"/>
      <c r="CE71" s="955"/>
      <c r="CF71" s="955"/>
      <c r="CG71" s="956"/>
      <c r="CH71" s="951"/>
      <c r="CI71" s="952"/>
      <c r="CJ71" s="952"/>
      <c r="CK71" s="952"/>
      <c r="CL71" s="953"/>
      <c r="CM71" s="951"/>
      <c r="CN71" s="952"/>
      <c r="CO71" s="952"/>
      <c r="CP71" s="952"/>
      <c r="CQ71" s="953"/>
      <c r="CR71" s="951"/>
      <c r="CS71" s="952"/>
      <c r="CT71" s="952"/>
      <c r="CU71" s="952"/>
      <c r="CV71" s="953"/>
      <c r="CW71" s="951"/>
      <c r="CX71" s="952"/>
      <c r="CY71" s="952"/>
      <c r="CZ71" s="952"/>
      <c r="DA71" s="953"/>
      <c r="DB71" s="951"/>
      <c r="DC71" s="952"/>
      <c r="DD71" s="952"/>
      <c r="DE71" s="952"/>
      <c r="DF71" s="953"/>
      <c r="DG71" s="951"/>
      <c r="DH71" s="952"/>
      <c r="DI71" s="952"/>
      <c r="DJ71" s="952"/>
      <c r="DK71" s="953"/>
      <c r="DL71" s="951"/>
      <c r="DM71" s="952"/>
      <c r="DN71" s="952"/>
      <c r="DO71" s="952"/>
      <c r="DP71" s="953"/>
      <c r="DQ71" s="951"/>
      <c r="DR71" s="952"/>
      <c r="DS71" s="952"/>
      <c r="DT71" s="952"/>
      <c r="DU71" s="953"/>
      <c r="DV71" s="948"/>
      <c r="DW71" s="949"/>
      <c r="DX71" s="949"/>
      <c r="DY71" s="949"/>
      <c r="DZ71" s="950"/>
      <c r="EA71" s="248"/>
    </row>
    <row r="72" spans="1:131" s="249" customFormat="1" ht="26.25" customHeight="1" x14ac:dyDescent="0.2">
      <c r="A72" s="263">
        <v>5</v>
      </c>
      <c r="B72" s="964"/>
      <c r="C72" s="965"/>
      <c r="D72" s="965"/>
      <c r="E72" s="965"/>
      <c r="F72" s="965"/>
      <c r="G72" s="965"/>
      <c r="H72" s="965"/>
      <c r="I72" s="965"/>
      <c r="J72" s="965"/>
      <c r="K72" s="965"/>
      <c r="L72" s="965"/>
      <c r="M72" s="965"/>
      <c r="N72" s="965"/>
      <c r="O72" s="965"/>
      <c r="P72" s="966"/>
      <c r="Q72" s="967"/>
      <c r="R72" s="917"/>
      <c r="S72" s="917"/>
      <c r="T72" s="917"/>
      <c r="U72" s="917"/>
      <c r="V72" s="917"/>
      <c r="W72" s="917"/>
      <c r="X72" s="917"/>
      <c r="Y72" s="917"/>
      <c r="Z72" s="917"/>
      <c r="AA72" s="917"/>
      <c r="AB72" s="917"/>
      <c r="AC72" s="917"/>
      <c r="AD72" s="917"/>
      <c r="AE72" s="917"/>
      <c r="AF72" s="917"/>
      <c r="AG72" s="917"/>
      <c r="AH72" s="917"/>
      <c r="AI72" s="917"/>
      <c r="AJ72" s="917"/>
      <c r="AK72" s="917"/>
      <c r="AL72" s="917"/>
      <c r="AM72" s="917"/>
      <c r="AN72" s="917"/>
      <c r="AO72" s="917"/>
      <c r="AP72" s="917"/>
      <c r="AQ72" s="917"/>
      <c r="AR72" s="917"/>
      <c r="AS72" s="917"/>
      <c r="AT72" s="917"/>
      <c r="AU72" s="917"/>
      <c r="AV72" s="917"/>
      <c r="AW72" s="917"/>
      <c r="AX72" s="917"/>
      <c r="AY72" s="917"/>
      <c r="AZ72" s="968"/>
      <c r="BA72" s="968"/>
      <c r="BB72" s="968"/>
      <c r="BC72" s="968"/>
      <c r="BD72" s="969"/>
      <c r="BE72" s="267"/>
      <c r="BF72" s="267"/>
      <c r="BG72" s="267"/>
      <c r="BH72" s="267"/>
      <c r="BI72" s="267"/>
      <c r="BJ72" s="267"/>
      <c r="BK72" s="267"/>
      <c r="BL72" s="267"/>
      <c r="BM72" s="267"/>
      <c r="BN72" s="267"/>
      <c r="BO72" s="267"/>
      <c r="BP72" s="267"/>
      <c r="BQ72" s="264">
        <v>66</v>
      </c>
      <c r="BR72" s="269"/>
      <c r="BS72" s="954"/>
      <c r="BT72" s="955"/>
      <c r="BU72" s="955"/>
      <c r="BV72" s="955"/>
      <c r="BW72" s="955"/>
      <c r="BX72" s="955"/>
      <c r="BY72" s="955"/>
      <c r="BZ72" s="955"/>
      <c r="CA72" s="955"/>
      <c r="CB72" s="955"/>
      <c r="CC72" s="955"/>
      <c r="CD72" s="955"/>
      <c r="CE72" s="955"/>
      <c r="CF72" s="955"/>
      <c r="CG72" s="956"/>
      <c r="CH72" s="951"/>
      <c r="CI72" s="952"/>
      <c r="CJ72" s="952"/>
      <c r="CK72" s="952"/>
      <c r="CL72" s="953"/>
      <c r="CM72" s="951"/>
      <c r="CN72" s="952"/>
      <c r="CO72" s="952"/>
      <c r="CP72" s="952"/>
      <c r="CQ72" s="953"/>
      <c r="CR72" s="951"/>
      <c r="CS72" s="952"/>
      <c r="CT72" s="952"/>
      <c r="CU72" s="952"/>
      <c r="CV72" s="953"/>
      <c r="CW72" s="951"/>
      <c r="CX72" s="952"/>
      <c r="CY72" s="952"/>
      <c r="CZ72" s="952"/>
      <c r="DA72" s="953"/>
      <c r="DB72" s="951"/>
      <c r="DC72" s="952"/>
      <c r="DD72" s="952"/>
      <c r="DE72" s="952"/>
      <c r="DF72" s="953"/>
      <c r="DG72" s="951"/>
      <c r="DH72" s="952"/>
      <c r="DI72" s="952"/>
      <c r="DJ72" s="952"/>
      <c r="DK72" s="953"/>
      <c r="DL72" s="951"/>
      <c r="DM72" s="952"/>
      <c r="DN72" s="952"/>
      <c r="DO72" s="952"/>
      <c r="DP72" s="953"/>
      <c r="DQ72" s="951"/>
      <c r="DR72" s="952"/>
      <c r="DS72" s="952"/>
      <c r="DT72" s="952"/>
      <c r="DU72" s="953"/>
      <c r="DV72" s="948"/>
      <c r="DW72" s="949"/>
      <c r="DX72" s="949"/>
      <c r="DY72" s="949"/>
      <c r="DZ72" s="950"/>
      <c r="EA72" s="248"/>
    </row>
    <row r="73" spans="1:131" s="249" customFormat="1" ht="26.25" customHeight="1" x14ac:dyDescent="0.2">
      <c r="A73" s="263">
        <v>6</v>
      </c>
      <c r="B73" s="964"/>
      <c r="C73" s="965"/>
      <c r="D73" s="965"/>
      <c r="E73" s="965"/>
      <c r="F73" s="965"/>
      <c r="G73" s="965"/>
      <c r="H73" s="965"/>
      <c r="I73" s="965"/>
      <c r="J73" s="965"/>
      <c r="K73" s="965"/>
      <c r="L73" s="965"/>
      <c r="M73" s="965"/>
      <c r="N73" s="965"/>
      <c r="O73" s="965"/>
      <c r="P73" s="966"/>
      <c r="Q73" s="967"/>
      <c r="R73" s="917"/>
      <c r="S73" s="917"/>
      <c r="T73" s="917"/>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68"/>
      <c r="BA73" s="968"/>
      <c r="BB73" s="968"/>
      <c r="BC73" s="968"/>
      <c r="BD73" s="969"/>
      <c r="BE73" s="267"/>
      <c r="BF73" s="267"/>
      <c r="BG73" s="267"/>
      <c r="BH73" s="267"/>
      <c r="BI73" s="267"/>
      <c r="BJ73" s="267"/>
      <c r="BK73" s="267"/>
      <c r="BL73" s="267"/>
      <c r="BM73" s="267"/>
      <c r="BN73" s="267"/>
      <c r="BO73" s="267"/>
      <c r="BP73" s="267"/>
      <c r="BQ73" s="264">
        <v>67</v>
      </c>
      <c r="BR73" s="269"/>
      <c r="BS73" s="954"/>
      <c r="BT73" s="955"/>
      <c r="BU73" s="955"/>
      <c r="BV73" s="955"/>
      <c r="BW73" s="955"/>
      <c r="BX73" s="955"/>
      <c r="BY73" s="955"/>
      <c r="BZ73" s="955"/>
      <c r="CA73" s="955"/>
      <c r="CB73" s="955"/>
      <c r="CC73" s="955"/>
      <c r="CD73" s="955"/>
      <c r="CE73" s="955"/>
      <c r="CF73" s="955"/>
      <c r="CG73" s="956"/>
      <c r="CH73" s="951"/>
      <c r="CI73" s="952"/>
      <c r="CJ73" s="952"/>
      <c r="CK73" s="952"/>
      <c r="CL73" s="953"/>
      <c r="CM73" s="951"/>
      <c r="CN73" s="952"/>
      <c r="CO73" s="952"/>
      <c r="CP73" s="952"/>
      <c r="CQ73" s="953"/>
      <c r="CR73" s="951"/>
      <c r="CS73" s="952"/>
      <c r="CT73" s="952"/>
      <c r="CU73" s="952"/>
      <c r="CV73" s="953"/>
      <c r="CW73" s="951"/>
      <c r="CX73" s="952"/>
      <c r="CY73" s="952"/>
      <c r="CZ73" s="952"/>
      <c r="DA73" s="953"/>
      <c r="DB73" s="951"/>
      <c r="DC73" s="952"/>
      <c r="DD73" s="952"/>
      <c r="DE73" s="952"/>
      <c r="DF73" s="953"/>
      <c r="DG73" s="951"/>
      <c r="DH73" s="952"/>
      <c r="DI73" s="952"/>
      <c r="DJ73" s="952"/>
      <c r="DK73" s="953"/>
      <c r="DL73" s="951"/>
      <c r="DM73" s="952"/>
      <c r="DN73" s="952"/>
      <c r="DO73" s="952"/>
      <c r="DP73" s="953"/>
      <c r="DQ73" s="951"/>
      <c r="DR73" s="952"/>
      <c r="DS73" s="952"/>
      <c r="DT73" s="952"/>
      <c r="DU73" s="953"/>
      <c r="DV73" s="948"/>
      <c r="DW73" s="949"/>
      <c r="DX73" s="949"/>
      <c r="DY73" s="949"/>
      <c r="DZ73" s="950"/>
      <c r="EA73" s="248"/>
    </row>
    <row r="74" spans="1:131" s="249" customFormat="1" ht="26.25" customHeight="1" x14ac:dyDescent="0.2">
      <c r="A74" s="263">
        <v>7</v>
      </c>
      <c r="B74" s="964"/>
      <c r="C74" s="965"/>
      <c r="D74" s="965"/>
      <c r="E74" s="965"/>
      <c r="F74" s="965"/>
      <c r="G74" s="965"/>
      <c r="H74" s="965"/>
      <c r="I74" s="965"/>
      <c r="J74" s="965"/>
      <c r="K74" s="965"/>
      <c r="L74" s="965"/>
      <c r="M74" s="965"/>
      <c r="N74" s="965"/>
      <c r="O74" s="965"/>
      <c r="P74" s="966"/>
      <c r="Q74" s="967"/>
      <c r="R74" s="917"/>
      <c r="S74" s="917"/>
      <c r="T74" s="917"/>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68"/>
      <c r="BA74" s="968"/>
      <c r="BB74" s="968"/>
      <c r="BC74" s="968"/>
      <c r="BD74" s="969"/>
      <c r="BE74" s="267"/>
      <c r="BF74" s="267"/>
      <c r="BG74" s="267"/>
      <c r="BH74" s="267"/>
      <c r="BI74" s="267"/>
      <c r="BJ74" s="267"/>
      <c r="BK74" s="267"/>
      <c r="BL74" s="267"/>
      <c r="BM74" s="267"/>
      <c r="BN74" s="267"/>
      <c r="BO74" s="267"/>
      <c r="BP74" s="267"/>
      <c r="BQ74" s="264">
        <v>68</v>
      </c>
      <c r="BR74" s="269"/>
      <c r="BS74" s="954"/>
      <c r="BT74" s="955"/>
      <c r="BU74" s="955"/>
      <c r="BV74" s="955"/>
      <c r="BW74" s="955"/>
      <c r="BX74" s="955"/>
      <c r="BY74" s="955"/>
      <c r="BZ74" s="955"/>
      <c r="CA74" s="955"/>
      <c r="CB74" s="955"/>
      <c r="CC74" s="955"/>
      <c r="CD74" s="955"/>
      <c r="CE74" s="955"/>
      <c r="CF74" s="955"/>
      <c r="CG74" s="956"/>
      <c r="CH74" s="951"/>
      <c r="CI74" s="952"/>
      <c r="CJ74" s="952"/>
      <c r="CK74" s="952"/>
      <c r="CL74" s="953"/>
      <c r="CM74" s="951"/>
      <c r="CN74" s="952"/>
      <c r="CO74" s="952"/>
      <c r="CP74" s="952"/>
      <c r="CQ74" s="953"/>
      <c r="CR74" s="951"/>
      <c r="CS74" s="952"/>
      <c r="CT74" s="952"/>
      <c r="CU74" s="952"/>
      <c r="CV74" s="953"/>
      <c r="CW74" s="951"/>
      <c r="CX74" s="952"/>
      <c r="CY74" s="952"/>
      <c r="CZ74" s="952"/>
      <c r="DA74" s="953"/>
      <c r="DB74" s="951"/>
      <c r="DC74" s="952"/>
      <c r="DD74" s="952"/>
      <c r="DE74" s="952"/>
      <c r="DF74" s="953"/>
      <c r="DG74" s="951"/>
      <c r="DH74" s="952"/>
      <c r="DI74" s="952"/>
      <c r="DJ74" s="952"/>
      <c r="DK74" s="953"/>
      <c r="DL74" s="951"/>
      <c r="DM74" s="952"/>
      <c r="DN74" s="952"/>
      <c r="DO74" s="952"/>
      <c r="DP74" s="953"/>
      <c r="DQ74" s="951"/>
      <c r="DR74" s="952"/>
      <c r="DS74" s="952"/>
      <c r="DT74" s="952"/>
      <c r="DU74" s="953"/>
      <c r="DV74" s="948"/>
      <c r="DW74" s="949"/>
      <c r="DX74" s="949"/>
      <c r="DY74" s="949"/>
      <c r="DZ74" s="950"/>
      <c r="EA74" s="248"/>
    </row>
    <row r="75" spans="1:131" s="249" customFormat="1" ht="26.25" customHeight="1" x14ac:dyDescent="0.2">
      <c r="A75" s="263">
        <v>8</v>
      </c>
      <c r="B75" s="964"/>
      <c r="C75" s="965"/>
      <c r="D75" s="965"/>
      <c r="E75" s="965"/>
      <c r="F75" s="965"/>
      <c r="G75" s="965"/>
      <c r="H75" s="965"/>
      <c r="I75" s="965"/>
      <c r="J75" s="965"/>
      <c r="K75" s="965"/>
      <c r="L75" s="965"/>
      <c r="M75" s="965"/>
      <c r="N75" s="965"/>
      <c r="O75" s="965"/>
      <c r="P75" s="966"/>
      <c r="Q75" s="970"/>
      <c r="R75" s="971"/>
      <c r="S75" s="971"/>
      <c r="T75" s="971"/>
      <c r="U75" s="916"/>
      <c r="V75" s="972"/>
      <c r="W75" s="971"/>
      <c r="X75" s="971"/>
      <c r="Y75" s="971"/>
      <c r="Z75" s="916"/>
      <c r="AA75" s="972"/>
      <c r="AB75" s="971"/>
      <c r="AC75" s="971"/>
      <c r="AD75" s="971"/>
      <c r="AE75" s="916"/>
      <c r="AF75" s="972"/>
      <c r="AG75" s="971"/>
      <c r="AH75" s="971"/>
      <c r="AI75" s="971"/>
      <c r="AJ75" s="916"/>
      <c r="AK75" s="972"/>
      <c r="AL75" s="971"/>
      <c r="AM75" s="971"/>
      <c r="AN75" s="971"/>
      <c r="AO75" s="916"/>
      <c r="AP75" s="972"/>
      <c r="AQ75" s="971"/>
      <c r="AR75" s="971"/>
      <c r="AS75" s="971"/>
      <c r="AT75" s="916"/>
      <c r="AU75" s="972"/>
      <c r="AV75" s="971"/>
      <c r="AW75" s="971"/>
      <c r="AX75" s="971"/>
      <c r="AY75" s="916"/>
      <c r="AZ75" s="968"/>
      <c r="BA75" s="968"/>
      <c r="BB75" s="968"/>
      <c r="BC75" s="968"/>
      <c r="BD75" s="969"/>
      <c r="BE75" s="267"/>
      <c r="BF75" s="267"/>
      <c r="BG75" s="267"/>
      <c r="BH75" s="267"/>
      <c r="BI75" s="267"/>
      <c r="BJ75" s="267"/>
      <c r="BK75" s="267"/>
      <c r="BL75" s="267"/>
      <c r="BM75" s="267"/>
      <c r="BN75" s="267"/>
      <c r="BO75" s="267"/>
      <c r="BP75" s="267"/>
      <c r="BQ75" s="264">
        <v>69</v>
      </c>
      <c r="BR75" s="269"/>
      <c r="BS75" s="954"/>
      <c r="BT75" s="955"/>
      <c r="BU75" s="955"/>
      <c r="BV75" s="955"/>
      <c r="BW75" s="955"/>
      <c r="BX75" s="955"/>
      <c r="BY75" s="955"/>
      <c r="BZ75" s="955"/>
      <c r="CA75" s="955"/>
      <c r="CB75" s="955"/>
      <c r="CC75" s="955"/>
      <c r="CD75" s="955"/>
      <c r="CE75" s="955"/>
      <c r="CF75" s="955"/>
      <c r="CG75" s="956"/>
      <c r="CH75" s="951"/>
      <c r="CI75" s="952"/>
      <c r="CJ75" s="952"/>
      <c r="CK75" s="952"/>
      <c r="CL75" s="953"/>
      <c r="CM75" s="951"/>
      <c r="CN75" s="952"/>
      <c r="CO75" s="952"/>
      <c r="CP75" s="952"/>
      <c r="CQ75" s="953"/>
      <c r="CR75" s="951"/>
      <c r="CS75" s="952"/>
      <c r="CT75" s="952"/>
      <c r="CU75" s="952"/>
      <c r="CV75" s="953"/>
      <c r="CW75" s="951"/>
      <c r="CX75" s="952"/>
      <c r="CY75" s="952"/>
      <c r="CZ75" s="952"/>
      <c r="DA75" s="953"/>
      <c r="DB75" s="951"/>
      <c r="DC75" s="952"/>
      <c r="DD75" s="952"/>
      <c r="DE75" s="952"/>
      <c r="DF75" s="953"/>
      <c r="DG75" s="951"/>
      <c r="DH75" s="952"/>
      <c r="DI75" s="952"/>
      <c r="DJ75" s="952"/>
      <c r="DK75" s="953"/>
      <c r="DL75" s="951"/>
      <c r="DM75" s="952"/>
      <c r="DN75" s="952"/>
      <c r="DO75" s="952"/>
      <c r="DP75" s="953"/>
      <c r="DQ75" s="951"/>
      <c r="DR75" s="952"/>
      <c r="DS75" s="952"/>
      <c r="DT75" s="952"/>
      <c r="DU75" s="953"/>
      <c r="DV75" s="948"/>
      <c r="DW75" s="949"/>
      <c r="DX75" s="949"/>
      <c r="DY75" s="949"/>
      <c r="DZ75" s="950"/>
      <c r="EA75" s="248"/>
    </row>
    <row r="76" spans="1:131" s="249" customFormat="1" ht="26.25" customHeight="1" x14ac:dyDescent="0.2">
      <c r="A76" s="263">
        <v>9</v>
      </c>
      <c r="B76" s="964"/>
      <c r="C76" s="965"/>
      <c r="D76" s="965"/>
      <c r="E76" s="965"/>
      <c r="F76" s="965"/>
      <c r="G76" s="965"/>
      <c r="H76" s="965"/>
      <c r="I76" s="965"/>
      <c r="J76" s="965"/>
      <c r="K76" s="965"/>
      <c r="L76" s="965"/>
      <c r="M76" s="965"/>
      <c r="N76" s="965"/>
      <c r="O76" s="965"/>
      <c r="P76" s="966"/>
      <c r="Q76" s="970"/>
      <c r="R76" s="971"/>
      <c r="S76" s="971"/>
      <c r="T76" s="971"/>
      <c r="U76" s="916"/>
      <c r="V76" s="972"/>
      <c r="W76" s="971"/>
      <c r="X76" s="971"/>
      <c r="Y76" s="971"/>
      <c r="Z76" s="916"/>
      <c r="AA76" s="972"/>
      <c r="AB76" s="971"/>
      <c r="AC76" s="971"/>
      <c r="AD76" s="971"/>
      <c r="AE76" s="916"/>
      <c r="AF76" s="972"/>
      <c r="AG76" s="971"/>
      <c r="AH76" s="971"/>
      <c r="AI76" s="971"/>
      <c r="AJ76" s="916"/>
      <c r="AK76" s="972"/>
      <c r="AL76" s="971"/>
      <c r="AM76" s="971"/>
      <c r="AN76" s="971"/>
      <c r="AO76" s="916"/>
      <c r="AP76" s="972"/>
      <c r="AQ76" s="971"/>
      <c r="AR76" s="971"/>
      <c r="AS76" s="971"/>
      <c r="AT76" s="916"/>
      <c r="AU76" s="972"/>
      <c r="AV76" s="971"/>
      <c r="AW76" s="971"/>
      <c r="AX76" s="971"/>
      <c r="AY76" s="916"/>
      <c r="AZ76" s="968"/>
      <c r="BA76" s="968"/>
      <c r="BB76" s="968"/>
      <c r="BC76" s="968"/>
      <c r="BD76" s="969"/>
      <c r="BE76" s="267"/>
      <c r="BF76" s="267"/>
      <c r="BG76" s="267"/>
      <c r="BH76" s="267"/>
      <c r="BI76" s="267"/>
      <c r="BJ76" s="267"/>
      <c r="BK76" s="267"/>
      <c r="BL76" s="267"/>
      <c r="BM76" s="267"/>
      <c r="BN76" s="267"/>
      <c r="BO76" s="267"/>
      <c r="BP76" s="267"/>
      <c r="BQ76" s="264">
        <v>70</v>
      </c>
      <c r="BR76" s="269"/>
      <c r="BS76" s="954"/>
      <c r="BT76" s="955"/>
      <c r="BU76" s="955"/>
      <c r="BV76" s="955"/>
      <c r="BW76" s="955"/>
      <c r="BX76" s="955"/>
      <c r="BY76" s="955"/>
      <c r="BZ76" s="955"/>
      <c r="CA76" s="955"/>
      <c r="CB76" s="955"/>
      <c r="CC76" s="955"/>
      <c r="CD76" s="955"/>
      <c r="CE76" s="955"/>
      <c r="CF76" s="955"/>
      <c r="CG76" s="956"/>
      <c r="CH76" s="951"/>
      <c r="CI76" s="952"/>
      <c r="CJ76" s="952"/>
      <c r="CK76" s="952"/>
      <c r="CL76" s="953"/>
      <c r="CM76" s="951"/>
      <c r="CN76" s="952"/>
      <c r="CO76" s="952"/>
      <c r="CP76" s="952"/>
      <c r="CQ76" s="953"/>
      <c r="CR76" s="951"/>
      <c r="CS76" s="952"/>
      <c r="CT76" s="952"/>
      <c r="CU76" s="952"/>
      <c r="CV76" s="953"/>
      <c r="CW76" s="951"/>
      <c r="CX76" s="952"/>
      <c r="CY76" s="952"/>
      <c r="CZ76" s="952"/>
      <c r="DA76" s="953"/>
      <c r="DB76" s="951"/>
      <c r="DC76" s="952"/>
      <c r="DD76" s="952"/>
      <c r="DE76" s="952"/>
      <c r="DF76" s="953"/>
      <c r="DG76" s="951"/>
      <c r="DH76" s="952"/>
      <c r="DI76" s="952"/>
      <c r="DJ76" s="952"/>
      <c r="DK76" s="953"/>
      <c r="DL76" s="951"/>
      <c r="DM76" s="952"/>
      <c r="DN76" s="952"/>
      <c r="DO76" s="952"/>
      <c r="DP76" s="953"/>
      <c r="DQ76" s="951"/>
      <c r="DR76" s="952"/>
      <c r="DS76" s="952"/>
      <c r="DT76" s="952"/>
      <c r="DU76" s="953"/>
      <c r="DV76" s="948"/>
      <c r="DW76" s="949"/>
      <c r="DX76" s="949"/>
      <c r="DY76" s="949"/>
      <c r="DZ76" s="950"/>
      <c r="EA76" s="248"/>
    </row>
    <row r="77" spans="1:131" s="249" customFormat="1" ht="26.25" customHeight="1" x14ac:dyDescent="0.2">
      <c r="A77" s="263">
        <v>10</v>
      </c>
      <c r="B77" s="964"/>
      <c r="C77" s="965"/>
      <c r="D77" s="965"/>
      <c r="E77" s="965"/>
      <c r="F77" s="965"/>
      <c r="G77" s="965"/>
      <c r="H77" s="965"/>
      <c r="I77" s="965"/>
      <c r="J77" s="965"/>
      <c r="K77" s="965"/>
      <c r="L77" s="965"/>
      <c r="M77" s="965"/>
      <c r="N77" s="965"/>
      <c r="O77" s="965"/>
      <c r="P77" s="966"/>
      <c r="Q77" s="970"/>
      <c r="R77" s="971"/>
      <c r="S77" s="971"/>
      <c r="T77" s="971"/>
      <c r="U77" s="916"/>
      <c r="V77" s="972"/>
      <c r="W77" s="971"/>
      <c r="X77" s="971"/>
      <c r="Y77" s="971"/>
      <c r="Z77" s="916"/>
      <c r="AA77" s="972"/>
      <c r="AB77" s="971"/>
      <c r="AC77" s="971"/>
      <c r="AD77" s="971"/>
      <c r="AE77" s="916"/>
      <c r="AF77" s="972"/>
      <c r="AG77" s="971"/>
      <c r="AH77" s="971"/>
      <c r="AI77" s="971"/>
      <c r="AJ77" s="916"/>
      <c r="AK77" s="972"/>
      <c r="AL77" s="971"/>
      <c r="AM77" s="971"/>
      <c r="AN77" s="971"/>
      <c r="AO77" s="916"/>
      <c r="AP77" s="972"/>
      <c r="AQ77" s="971"/>
      <c r="AR77" s="971"/>
      <c r="AS77" s="971"/>
      <c r="AT77" s="916"/>
      <c r="AU77" s="972"/>
      <c r="AV77" s="971"/>
      <c r="AW77" s="971"/>
      <c r="AX77" s="971"/>
      <c r="AY77" s="916"/>
      <c r="AZ77" s="968"/>
      <c r="BA77" s="968"/>
      <c r="BB77" s="968"/>
      <c r="BC77" s="968"/>
      <c r="BD77" s="969"/>
      <c r="BE77" s="267"/>
      <c r="BF77" s="267"/>
      <c r="BG77" s="267"/>
      <c r="BH77" s="267"/>
      <c r="BI77" s="267"/>
      <c r="BJ77" s="267"/>
      <c r="BK77" s="267"/>
      <c r="BL77" s="267"/>
      <c r="BM77" s="267"/>
      <c r="BN77" s="267"/>
      <c r="BO77" s="267"/>
      <c r="BP77" s="267"/>
      <c r="BQ77" s="264">
        <v>71</v>
      </c>
      <c r="BR77" s="269"/>
      <c r="BS77" s="954"/>
      <c r="BT77" s="955"/>
      <c r="BU77" s="955"/>
      <c r="BV77" s="955"/>
      <c r="BW77" s="955"/>
      <c r="BX77" s="955"/>
      <c r="BY77" s="955"/>
      <c r="BZ77" s="955"/>
      <c r="CA77" s="955"/>
      <c r="CB77" s="955"/>
      <c r="CC77" s="955"/>
      <c r="CD77" s="955"/>
      <c r="CE77" s="955"/>
      <c r="CF77" s="955"/>
      <c r="CG77" s="956"/>
      <c r="CH77" s="951"/>
      <c r="CI77" s="952"/>
      <c r="CJ77" s="952"/>
      <c r="CK77" s="952"/>
      <c r="CL77" s="953"/>
      <c r="CM77" s="951"/>
      <c r="CN77" s="952"/>
      <c r="CO77" s="952"/>
      <c r="CP77" s="952"/>
      <c r="CQ77" s="953"/>
      <c r="CR77" s="951"/>
      <c r="CS77" s="952"/>
      <c r="CT77" s="952"/>
      <c r="CU77" s="952"/>
      <c r="CV77" s="953"/>
      <c r="CW77" s="951"/>
      <c r="CX77" s="952"/>
      <c r="CY77" s="952"/>
      <c r="CZ77" s="952"/>
      <c r="DA77" s="953"/>
      <c r="DB77" s="951"/>
      <c r="DC77" s="952"/>
      <c r="DD77" s="952"/>
      <c r="DE77" s="952"/>
      <c r="DF77" s="953"/>
      <c r="DG77" s="951"/>
      <c r="DH77" s="952"/>
      <c r="DI77" s="952"/>
      <c r="DJ77" s="952"/>
      <c r="DK77" s="953"/>
      <c r="DL77" s="951"/>
      <c r="DM77" s="952"/>
      <c r="DN77" s="952"/>
      <c r="DO77" s="952"/>
      <c r="DP77" s="953"/>
      <c r="DQ77" s="951"/>
      <c r="DR77" s="952"/>
      <c r="DS77" s="952"/>
      <c r="DT77" s="952"/>
      <c r="DU77" s="953"/>
      <c r="DV77" s="948"/>
      <c r="DW77" s="949"/>
      <c r="DX77" s="949"/>
      <c r="DY77" s="949"/>
      <c r="DZ77" s="950"/>
      <c r="EA77" s="248"/>
    </row>
    <row r="78" spans="1:131" s="249" customFormat="1" ht="26.25" customHeight="1" x14ac:dyDescent="0.2">
      <c r="A78" s="263">
        <v>11</v>
      </c>
      <c r="B78" s="964"/>
      <c r="C78" s="965"/>
      <c r="D78" s="965"/>
      <c r="E78" s="965"/>
      <c r="F78" s="965"/>
      <c r="G78" s="965"/>
      <c r="H78" s="965"/>
      <c r="I78" s="965"/>
      <c r="J78" s="965"/>
      <c r="K78" s="965"/>
      <c r="L78" s="965"/>
      <c r="M78" s="965"/>
      <c r="N78" s="965"/>
      <c r="O78" s="965"/>
      <c r="P78" s="966"/>
      <c r="Q78" s="967"/>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68"/>
      <c r="BA78" s="968"/>
      <c r="BB78" s="968"/>
      <c r="BC78" s="968"/>
      <c r="BD78" s="969"/>
      <c r="BE78" s="267"/>
      <c r="BF78" s="267"/>
      <c r="BG78" s="267"/>
      <c r="BH78" s="267"/>
      <c r="BI78" s="267"/>
      <c r="BJ78" s="270"/>
      <c r="BK78" s="270"/>
      <c r="BL78" s="270"/>
      <c r="BM78" s="270"/>
      <c r="BN78" s="270"/>
      <c r="BO78" s="267"/>
      <c r="BP78" s="267"/>
      <c r="BQ78" s="264">
        <v>72</v>
      </c>
      <c r="BR78" s="269"/>
      <c r="BS78" s="954"/>
      <c r="BT78" s="955"/>
      <c r="BU78" s="955"/>
      <c r="BV78" s="955"/>
      <c r="BW78" s="955"/>
      <c r="BX78" s="955"/>
      <c r="BY78" s="955"/>
      <c r="BZ78" s="955"/>
      <c r="CA78" s="955"/>
      <c r="CB78" s="955"/>
      <c r="CC78" s="955"/>
      <c r="CD78" s="955"/>
      <c r="CE78" s="955"/>
      <c r="CF78" s="955"/>
      <c r="CG78" s="956"/>
      <c r="CH78" s="951"/>
      <c r="CI78" s="952"/>
      <c r="CJ78" s="952"/>
      <c r="CK78" s="952"/>
      <c r="CL78" s="953"/>
      <c r="CM78" s="951"/>
      <c r="CN78" s="952"/>
      <c r="CO78" s="952"/>
      <c r="CP78" s="952"/>
      <c r="CQ78" s="953"/>
      <c r="CR78" s="951"/>
      <c r="CS78" s="952"/>
      <c r="CT78" s="952"/>
      <c r="CU78" s="952"/>
      <c r="CV78" s="953"/>
      <c r="CW78" s="951"/>
      <c r="CX78" s="952"/>
      <c r="CY78" s="952"/>
      <c r="CZ78" s="952"/>
      <c r="DA78" s="953"/>
      <c r="DB78" s="951"/>
      <c r="DC78" s="952"/>
      <c r="DD78" s="952"/>
      <c r="DE78" s="952"/>
      <c r="DF78" s="953"/>
      <c r="DG78" s="951"/>
      <c r="DH78" s="952"/>
      <c r="DI78" s="952"/>
      <c r="DJ78" s="952"/>
      <c r="DK78" s="953"/>
      <c r="DL78" s="951"/>
      <c r="DM78" s="952"/>
      <c r="DN78" s="952"/>
      <c r="DO78" s="952"/>
      <c r="DP78" s="953"/>
      <c r="DQ78" s="951"/>
      <c r="DR78" s="952"/>
      <c r="DS78" s="952"/>
      <c r="DT78" s="952"/>
      <c r="DU78" s="953"/>
      <c r="DV78" s="948"/>
      <c r="DW78" s="949"/>
      <c r="DX78" s="949"/>
      <c r="DY78" s="949"/>
      <c r="DZ78" s="950"/>
      <c r="EA78" s="248"/>
    </row>
    <row r="79" spans="1:131" s="249" customFormat="1" ht="26.25" customHeight="1" x14ac:dyDescent="0.2">
      <c r="A79" s="263">
        <v>12</v>
      </c>
      <c r="B79" s="964"/>
      <c r="C79" s="965"/>
      <c r="D79" s="965"/>
      <c r="E79" s="965"/>
      <c r="F79" s="965"/>
      <c r="G79" s="965"/>
      <c r="H79" s="965"/>
      <c r="I79" s="965"/>
      <c r="J79" s="965"/>
      <c r="K79" s="965"/>
      <c r="L79" s="965"/>
      <c r="M79" s="965"/>
      <c r="N79" s="965"/>
      <c r="O79" s="965"/>
      <c r="P79" s="966"/>
      <c r="Q79" s="967"/>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68"/>
      <c r="BA79" s="968"/>
      <c r="BB79" s="968"/>
      <c r="BC79" s="968"/>
      <c r="BD79" s="969"/>
      <c r="BE79" s="267"/>
      <c r="BF79" s="267"/>
      <c r="BG79" s="267"/>
      <c r="BH79" s="267"/>
      <c r="BI79" s="267"/>
      <c r="BJ79" s="270"/>
      <c r="BK79" s="270"/>
      <c r="BL79" s="270"/>
      <c r="BM79" s="270"/>
      <c r="BN79" s="270"/>
      <c r="BO79" s="267"/>
      <c r="BP79" s="267"/>
      <c r="BQ79" s="264">
        <v>73</v>
      </c>
      <c r="BR79" s="269"/>
      <c r="BS79" s="954"/>
      <c r="BT79" s="955"/>
      <c r="BU79" s="955"/>
      <c r="BV79" s="955"/>
      <c r="BW79" s="955"/>
      <c r="BX79" s="955"/>
      <c r="BY79" s="955"/>
      <c r="BZ79" s="955"/>
      <c r="CA79" s="955"/>
      <c r="CB79" s="955"/>
      <c r="CC79" s="955"/>
      <c r="CD79" s="955"/>
      <c r="CE79" s="955"/>
      <c r="CF79" s="955"/>
      <c r="CG79" s="956"/>
      <c r="CH79" s="951"/>
      <c r="CI79" s="952"/>
      <c r="CJ79" s="952"/>
      <c r="CK79" s="952"/>
      <c r="CL79" s="953"/>
      <c r="CM79" s="951"/>
      <c r="CN79" s="952"/>
      <c r="CO79" s="952"/>
      <c r="CP79" s="952"/>
      <c r="CQ79" s="953"/>
      <c r="CR79" s="951"/>
      <c r="CS79" s="952"/>
      <c r="CT79" s="952"/>
      <c r="CU79" s="952"/>
      <c r="CV79" s="953"/>
      <c r="CW79" s="951"/>
      <c r="CX79" s="952"/>
      <c r="CY79" s="952"/>
      <c r="CZ79" s="952"/>
      <c r="DA79" s="953"/>
      <c r="DB79" s="951"/>
      <c r="DC79" s="952"/>
      <c r="DD79" s="952"/>
      <c r="DE79" s="952"/>
      <c r="DF79" s="953"/>
      <c r="DG79" s="951"/>
      <c r="DH79" s="952"/>
      <c r="DI79" s="952"/>
      <c r="DJ79" s="952"/>
      <c r="DK79" s="953"/>
      <c r="DL79" s="951"/>
      <c r="DM79" s="952"/>
      <c r="DN79" s="952"/>
      <c r="DO79" s="952"/>
      <c r="DP79" s="953"/>
      <c r="DQ79" s="951"/>
      <c r="DR79" s="952"/>
      <c r="DS79" s="952"/>
      <c r="DT79" s="952"/>
      <c r="DU79" s="953"/>
      <c r="DV79" s="948"/>
      <c r="DW79" s="949"/>
      <c r="DX79" s="949"/>
      <c r="DY79" s="949"/>
      <c r="DZ79" s="950"/>
      <c r="EA79" s="248"/>
    </row>
    <row r="80" spans="1:131" s="249" customFormat="1" ht="26.25" customHeight="1" x14ac:dyDescent="0.2">
      <c r="A80" s="263">
        <v>13</v>
      </c>
      <c r="B80" s="964"/>
      <c r="C80" s="965"/>
      <c r="D80" s="965"/>
      <c r="E80" s="965"/>
      <c r="F80" s="965"/>
      <c r="G80" s="965"/>
      <c r="H80" s="965"/>
      <c r="I80" s="965"/>
      <c r="J80" s="965"/>
      <c r="K80" s="965"/>
      <c r="L80" s="965"/>
      <c r="M80" s="965"/>
      <c r="N80" s="965"/>
      <c r="O80" s="965"/>
      <c r="P80" s="966"/>
      <c r="Q80" s="967"/>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8"/>
      <c r="BA80" s="968"/>
      <c r="BB80" s="968"/>
      <c r="BC80" s="968"/>
      <c r="BD80" s="969"/>
      <c r="BE80" s="267"/>
      <c r="BF80" s="267"/>
      <c r="BG80" s="267"/>
      <c r="BH80" s="267"/>
      <c r="BI80" s="267"/>
      <c r="BJ80" s="267"/>
      <c r="BK80" s="267"/>
      <c r="BL80" s="267"/>
      <c r="BM80" s="267"/>
      <c r="BN80" s="267"/>
      <c r="BO80" s="267"/>
      <c r="BP80" s="267"/>
      <c r="BQ80" s="264">
        <v>74</v>
      </c>
      <c r="BR80" s="269"/>
      <c r="BS80" s="954"/>
      <c r="BT80" s="955"/>
      <c r="BU80" s="955"/>
      <c r="BV80" s="955"/>
      <c r="BW80" s="955"/>
      <c r="BX80" s="955"/>
      <c r="BY80" s="955"/>
      <c r="BZ80" s="955"/>
      <c r="CA80" s="955"/>
      <c r="CB80" s="955"/>
      <c r="CC80" s="955"/>
      <c r="CD80" s="955"/>
      <c r="CE80" s="955"/>
      <c r="CF80" s="955"/>
      <c r="CG80" s="956"/>
      <c r="CH80" s="951"/>
      <c r="CI80" s="952"/>
      <c r="CJ80" s="952"/>
      <c r="CK80" s="952"/>
      <c r="CL80" s="953"/>
      <c r="CM80" s="951"/>
      <c r="CN80" s="952"/>
      <c r="CO80" s="952"/>
      <c r="CP80" s="952"/>
      <c r="CQ80" s="953"/>
      <c r="CR80" s="951"/>
      <c r="CS80" s="952"/>
      <c r="CT80" s="952"/>
      <c r="CU80" s="952"/>
      <c r="CV80" s="953"/>
      <c r="CW80" s="951"/>
      <c r="CX80" s="952"/>
      <c r="CY80" s="952"/>
      <c r="CZ80" s="952"/>
      <c r="DA80" s="953"/>
      <c r="DB80" s="951"/>
      <c r="DC80" s="952"/>
      <c r="DD80" s="952"/>
      <c r="DE80" s="952"/>
      <c r="DF80" s="953"/>
      <c r="DG80" s="951"/>
      <c r="DH80" s="952"/>
      <c r="DI80" s="952"/>
      <c r="DJ80" s="952"/>
      <c r="DK80" s="953"/>
      <c r="DL80" s="951"/>
      <c r="DM80" s="952"/>
      <c r="DN80" s="952"/>
      <c r="DO80" s="952"/>
      <c r="DP80" s="953"/>
      <c r="DQ80" s="951"/>
      <c r="DR80" s="952"/>
      <c r="DS80" s="952"/>
      <c r="DT80" s="952"/>
      <c r="DU80" s="953"/>
      <c r="DV80" s="948"/>
      <c r="DW80" s="949"/>
      <c r="DX80" s="949"/>
      <c r="DY80" s="949"/>
      <c r="DZ80" s="950"/>
      <c r="EA80" s="248"/>
    </row>
    <row r="81" spans="1:131" s="249" customFormat="1" ht="26.25" customHeight="1" x14ac:dyDescent="0.2">
      <c r="A81" s="263">
        <v>14</v>
      </c>
      <c r="B81" s="964"/>
      <c r="C81" s="965"/>
      <c r="D81" s="965"/>
      <c r="E81" s="965"/>
      <c r="F81" s="965"/>
      <c r="G81" s="965"/>
      <c r="H81" s="965"/>
      <c r="I81" s="965"/>
      <c r="J81" s="965"/>
      <c r="K81" s="965"/>
      <c r="L81" s="965"/>
      <c r="M81" s="965"/>
      <c r="N81" s="965"/>
      <c r="O81" s="965"/>
      <c r="P81" s="966"/>
      <c r="Q81" s="967"/>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8"/>
      <c r="BA81" s="968"/>
      <c r="BB81" s="968"/>
      <c r="BC81" s="968"/>
      <c r="BD81" s="969"/>
      <c r="BE81" s="267"/>
      <c r="BF81" s="267"/>
      <c r="BG81" s="267"/>
      <c r="BH81" s="267"/>
      <c r="BI81" s="267"/>
      <c r="BJ81" s="267"/>
      <c r="BK81" s="267"/>
      <c r="BL81" s="267"/>
      <c r="BM81" s="267"/>
      <c r="BN81" s="267"/>
      <c r="BO81" s="267"/>
      <c r="BP81" s="267"/>
      <c r="BQ81" s="264">
        <v>75</v>
      </c>
      <c r="BR81" s="269"/>
      <c r="BS81" s="954"/>
      <c r="BT81" s="955"/>
      <c r="BU81" s="955"/>
      <c r="BV81" s="955"/>
      <c r="BW81" s="955"/>
      <c r="BX81" s="955"/>
      <c r="BY81" s="955"/>
      <c r="BZ81" s="955"/>
      <c r="CA81" s="955"/>
      <c r="CB81" s="955"/>
      <c r="CC81" s="955"/>
      <c r="CD81" s="955"/>
      <c r="CE81" s="955"/>
      <c r="CF81" s="955"/>
      <c r="CG81" s="956"/>
      <c r="CH81" s="951"/>
      <c r="CI81" s="952"/>
      <c r="CJ81" s="952"/>
      <c r="CK81" s="952"/>
      <c r="CL81" s="953"/>
      <c r="CM81" s="951"/>
      <c r="CN81" s="952"/>
      <c r="CO81" s="952"/>
      <c r="CP81" s="952"/>
      <c r="CQ81" s="953"/>
      <c r="CR81" s="951"/>
      <c r="CS81" s="952"/>
      <c r="CT81" s="952"/>
      <c r="CU81" s="952"/>
      <c r="CV81" s="953"/>
      <c r="CW81" s="951"/>
      <c r="CX81" s="952"/>
      <c r="CY81" s="952"/>
      <c r="CZ81" s="952"/>
      <c r="DA81" s="953"/>
      <c r="DB81" s="951"/>
      <c r="DC81" s="952"/>
      <c r="DD81" s="952"/>
      <c r="DE81" s="952"/>
      <c r="DF81" s="953"/>
      <c r="DG81" s="951"/>
      <c r="DH81" s="952"/>
      <c r="DI81" s="952"/>
      <c r="DJ81" s="952"/>
      <c r="DK81" s="953"/>
      <c r="DL81" s="951"/>
      <c r="DM81" s="952"/>
      <c r="DN81" s="952"/>
      <c r="DO81" s="952"/>
      <c r="DP81" s="953"/>
      <c r="DQ81" s="951"/>
      <c r="DR81" s="952"/>
      <c r="DS81" s="952"/>
      <c r="DT81" s="952"/>
      <c r="DU81" s="953"/>
      <c r="DV81" s="948"/>
      <c r="DW81" s="949"/>
      <c r="DX81" s="949"/>
      <c r="DY81" s="949"/>
      <c r="DZ81" s="950"/>
      <c r="EA81" s="248"/>
    </row>
    <row r="82" spans="1:131" s="249" customFormat="1" ht="26.25" customHeight="1" x14ac:dyDescent="0.2">
      <c r="A82" s="263">
        <v>15</v>
      </c>
      <c r="B82" s="964"/>
      <c r="C82" s="965"/>
      <c r="D82" s="965"/>
      <c r="E82" s="965"/>
      <c r="F82" s="965"/>
      <c r="G82" s="965"/>
      <c r="H82" s="965"/>
      <c r="I82" s="965"/>
      <c r="J82" s="965"/>
      <c r="K82" s="965"/>
      <c r="L82" s="965"/>
      <c r="M82" s="965"/>
      <c r="N82" s="965"/>
      <c r="O82" s="965"/>
      <c r="P82" s="966"/>
      <c r="Q82" s="967"/>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8"/>
      <c r="BA82" s="968"/>
      <c r="BB82" s="968"/>
      <c r="BC82" s="968"/>
      <c r="BD82" s="969"/>
      <c r="BE82" s="267"/>
      <c r="BF82" s="267"/>
      <c r="BG82" s="267"/>
      <c r="BH82" s="267"/>
      <c r="BI82" s="267"/>
      <c r="BJ82" s="267"/>
      <c r="BK82" s="267"/>
      <c r="BL82" s="267"/>
      <c r="BM82" s="267"/>
      <c r="BN82" s="267"/>
      <c r="BO82" s="267"/>
      <c r="BP82" s="267"/>
      <c r="BQ82" s="264">
        <v>76</v>
      </c>
      <c r="BR82" s="269"/>
      <c r="BS82" s="954"/>
      <c r="BT82" s="955"/>
      <c r="BU82" s="955"/>
      <c r="BV82" s="955"/>
      <c r="BW82" s="955"/>
      <c r="BX82" s="955"/>
      <c r="BY82" s="955"/>
      <c r="BZ82" s="955"/>
      <c r="CA82" s="955"/>
      <c r="CB82" s="955"/>
      <c r="CC82" s="955"/>
      <c r="CD82" s="955"/>
      <c r="CE82" s="955"/>
      <c r="CF82" s="955"/>
      <c r="CG82" s="956"/>
      <c r="CH82" s="951"/>
      <c r="CI82" s="952"/>
      <c r="CJ82" s="952"/>
      <c r="CK82" s="952"/>
      <c r="CL82" s="953"/>
      <c r="CM82" s="951"/>
      <c r="CN82" s="952"/>
      <c r="CO82" s="952"/>
      <c r="CP82" s="952"/>
      <c r="CQ82" s="953"/>
      <c r="CR82" s="951"/>
      <c r="CS82" s="952"/>
      <c r="CT82" s="952"/>
      <c r="CU82" s="952"/>
      <c r="CV82" s="953"/>
      <c r="CW82" s="951"/>
      <c r="CX82" s="952"/>
      <c r="CY82" s="952"/>
      <c r="CZ82" s="952"/>
      <c r="DA82" s="953"/>
      <c r="DB82" s="951"/>
      <c r="DC82" s="952"/>
      <c r="DD82" s="952"/>
      <c r="DE82" s="952"/>
      <c r="DF82" s="953"/>
      <c r="DG82" s="951"/>
      <c r="DH82" s="952"/>
      <c r="DI82" s="952"/>
      <c r="DJ82" s="952"/>
      <c r="DK82" s="953"/>
      <c r="DL82" s="951"/>
      <c r="DM82" s="952"/>
      <c r="DN82" s="952"/>
      <c r="DO82" s="952"/>
      <c r="DP82" s="953"/>
      <c r="DQ82" s="951"/>
      <c r="DR82" s="952"/>
      <c r="DS82" s="952"/>
      <c r="DT82" s="952"/>
      <c r="DU82" s="953"/>
      <c r="DV82" s="948"/>
      <c r="DW82" s="949"/>
      <c r="DX82" s="949"/>
      <c r="DY82" s="949"/>
      <c r="DZ82" s="950"/>
      <c r="EA82" s="248"/>
    </row>
    <row r="83" spans="1:131" s="249" customFormat="1" ht="26.25" customHeight="1" x14ac:dyDescent="0.2">
      <c r="A83" s="263">
        <v>16</v>
      </c>
      <c r="B83" s="964"/>
      <c r="C83" s="965"/>
      <c r="D83" s="965"/>
      <c r="E83" s="965"/>
      <c r="F83" s="965"/>
      <c r="G83" s="965"/>
      <c r="H83" s="965"/>
      <c r="I83" s="965"/>
      <c r="J83" s="965"/>
      <c r="K83" s="965"/>
      <c r="L83" s="965"/>
      <c r="M83" s="965"/>
      <c r="N83" s="965"/>
      <c r="O83" s="965"/>
      <c r="P83" s="966"/>
      <c r="Q83" s="967"/>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8"/>
      <c r="BA83" s="968"/>
      <c r="BB83" s="968"/>
      <c r="BC83" s="968"/>
      <c r="BD83" s="969"/>
      <c r="BE83" s="267"/>
      <c r="BF83" s="267"/>
      <c r="BG83" s="267"/>
      <c r="BH83" s="267"/>
      <c r="BI83" s="267"/>
      <c r="BJ83" s="267"/>
      <c r="BK83" s="267"/>
      <c r="BL83" s="267"/>
      <c r="BM83" s="267"/>
      <c r="BN83" s="267"/>
      <c r="BO83" s="267"/>
      <c r="BP83" s="267"/>
      <c r="BQ83" s="264">
        <v>77</v>
      </c>
      <c r="BR83" s="269"/>
      <c r="BS83" s="954"/>
      <c r="BT83" s="955"/>
      <c r="BU83" s="955"/>
      <c r="BV83" s="955"/>
      <c r="BW83" s="955"/>
      <c r="BX83" s="955"/>
      <c r="BY83" s="955"/>
      <c r="BZ83" s="955"/>
      <c r="CA83" s="955"/>
      <c r="CB83" s="955"/>
      <c r="CC83" s="955"/>
      <c r="CD83" s="955"/>
      <c r="CE83" s="955"/>
      <c r="CF83" s="955"/>
      <c r="CG83" s="956"/>
      <c r="CH83" s="951"/>
      <c r="CI83" s="952"/>
      <c r="CJ83" s="952"/>
      <c r="CK83" s="952"/>
      <c r="CL83" s="953"/>
      <c r="CM83" s="951"/>
      <c r="CN83" s="952"/>
      <c r="CO83" s="952"/>
      <c r="CP83" s="952"/>
      <c r="CQ83" s="953"/>
      <c r="CR83" s="951"/>
      <c r="CS83" s="952"/>
      <c r="CT83" s="952"/>
      <c r="CU83" s="952"/>
      <c r="CV83" s="953"/>
      <c r="CW83" s="951"/>
      <c r="CX83" s="952"/>
      <c r="CY83" s="952"/>
      <c r="CZ83" s="952"/>
      <c r="DA83" s="953"/>
      <c r="DB83" s="951"/>
      <c r="DC83" s="952"/>
      <c r="DD83" s="952"/>
      <c r="DE83" s="952"/>
      <c r="DF83" s="953"/>
      <c r="DG83" s="951"/>
      <c r="DH83" s="952"/>
      <c r="DI83" s="952"/>
      <c r="DJ83" s="952"/>
      <c r="DK83" s="953"/>
      <c r="DL83" s="951"/>
      <c r="DM83" s="952"/>
      <c r="DN83" s="952"/>
      <c r="DO83" s="952"/>
      <c r="DP83" s="953"/>
      <c r="DQ83" s="951"/>
      <c r="DR83" s="952"/>
      <c r="DS83" s="952"/>
      <c r="DT83" s="952"/>
      <c r="DU83" s="953"/>
      <c r="DV83" s="948"/>
      <c r="DW83" s="949"/>
      <c r="DX83" s="949"/>
      <c r="DY83" s="949"/>
      <c r="DZ83" s="950"/>
      <c r="EA83" s="248"/>
    </row>
    <row r="84" spans="1:131" s="249" customFormat="1" ht="26.25" customHeight="1" x14ac:dyDescent="0.2">
      <c r="A84" s="263">
        <v>17</v>
      </c>
      <c r="B84" s="964"/>
      <c r="C84" s="965"/>
      <c r="D84" s="965"/>
      <c r="E84" s="965"/>
      <c r="F84" s="965"/>
      <c r="G84" s="965"/>
      <c r="H84" s="965"/>
      <c r="I84" s="965"/>
      <c r="J84" s="965"/>
      <c r="K84" s="965"/>
      <c r="L84" s="965"/>
      <c r="M84" s="965"/>
      <c r="N84" s="965"/>
      <c r="O84" s="965"/>
      <c r="P84" s="966"/>
      <c r="Q84" s="967"/>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8"/>
      <c r="BA84" s="968"/>
      <c r="BB84" s="968"/>
      <c r="BC84" s="968"/>
      <c r="BD84" s="969"/>
      <c r="BE84" s="267"/>
      <c r="BF84" s="267"/>
      <c r="BG84" s="267"/>
      <c r="BH84" s="267"/>
      <c r="BI84" s="267"/>
      <c r="BJ84" s="267"/>
      <c r="BK84" s="267"/>
      <c r="BL84" s="267"/>
      <c r="BM84" s="267"/>
      <c r="BN84" s="267"/>
      <c r="BO84" s="267"/>
      <c r="BP84" s="267"/>
      <c r="BQ84" s="264">
        <v>78</v>
      </c>
      <c r="BR84" s="269"/>
      <c r="BS84" s="954"/>
      <c r="BT84" s="955"/>
      <c r="BU84" s="955"/>
      <c r="BV84" s="955"/>
      <c r="BW84" s="955"/>
      <c r="BX84" s="955"/>
      <c r="BY84" s="955"/>
      <c r="BZ84" s="955"/>
      <c r="CA84" s="955"/>
      <c r="CB84" s="955"/>
      <c r="CC84" s="955"/>
      <c r="CD84" s="955"/>
      <c r="CE84" s="955"/>
      <c r="CF84" s="955"/>
      <c r="CG84" s="956"/>
      <c r="CH84" s="951"/>
      <c r="CI84" s="952"/>
      <c r="CJ84" s="952"/>
      <c r="CK84" s="952"/>
      <c r="CL84" s="953"/>
      <c r="CM84" s="951"/>
      <c r="CN84" s="952"/>
      <c r="CO84" s="952"/>
      <c r="CP84" s="952"/>
      <c r="CQ84" s="953"/>
      <c r="CR84" s="951"/>
      <c r="CS84" s="952"/>
      <c r="CT84" s="952"/>
      <c r="CU84" s="952"/>
      <c r="CV84" s="953"/>
      <c r="CW84" s="951"/>
      <c r="CX84" s="952"/>
      <c r="CY84" s="952"/>
      <c r="CZ84" s="952"/>
      <c r="DA84" s="953"/>
      <c r="DB84" s="951"/>
      <c r="DC84" s="952"/>
      <c r="DD84" s="952"/>
      <c r="DE84" s="952"/>
      <c r="DF84" s="953"/>
      <c r="DG84" s="951"/>
      <c r="DH84" s="952"/>
      <c r="DI84" s="952"/>
      <c r="DJ84" s="952"/>
      <c r="DK84" s="953"/>
      <c r="DL84" s="951"/>
      <c r="DM84" s="952"/>
      <c r="DN84" s="952"/>
      <c r="DO84" s="952"/>
      <c r="DP84" s="953"/>
      <c r="DQ84" s="951"/>
      <c r="DR84" s="952"/>
      <c r="DS84" s="952"/>
      <c r="DT84" s="952"/>
      <c r="DU84" s="953"/>
      <c r="DV84" s="948"/>
      <c r="DW84" s="949"/>
      <c r="DX84" s="949"/>
      <c r="DY84" s="949"/>
      <c r="DZ84" s="950"/>
      <c r="EA84" s="248"/>
    </row>
    <row r="85" spans="1:131" s="249" customFormat="1" ht="26.25" customHeight="1" x14ac:dyDescent="0.2">
      <c r="A85" s="263">
        <v>18</v>
      </c>
      <c r="B85" s="964"/>
      <c r="C85" s="965"/>
      <c r="D85" s="965"/>
      <c r="E85" s="965"/>
      <c r="F85" s="965"/>
      <c r="G85" s="965"/>
      <c r="H85" s="965"/>
      <c r="I85" s="965"/>
      <c r="J85" s="965"/>
      <c r="K85" s="965"/>
      <c r="L85" s="965"/>
      <c r="M85" s="965"/>
      <c r="N85" s="965"/>
      <c r="O85" s="965"/>
      <c r="P85" s="966"/>
      <c r="Q85" s="967"/>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8"/>
      <c r="BA85" s="968"/>
      <c r="BB85" s="968"/>
      <c r="BC85" s="968"/>
      <c r="BD85" s="969"/>
      <c r="BE85" s="267"/>
      <c r="BF85" s="267"/>
      <c r="BG85" s="267"/>
      <c r="BH85" s="267"/>
      <c r="BI85" s="267"/>
      <c r="BJ85" s="267"/>
      <c r="BK85" s="267"/>
      <c r="BL85" s="267"/>
      <c r="BM85" s="267"/>
      <c r="BN85" s="267"/>
      <c r="BO85" s="267"/>
      <c r="BP85" s="267"/>
      <c r="BQ85" s="264">
        <v>79</v>
      </c>
      <c r="BR85" s="269"/>
      <c r="BS85" s="954"/>
      <c r="BT85" s="955"/>
      <c r="BU85" s="955"/>
      <c r="BV85" s="955"/>
      <c r="BW85" s="955"/>
      <c r="BX85" s="955"/>
      <c r="BY85" s="955"/>
      <c r="BZ85" s="955"/>
      <c r="CA85" s="955"/>
      <c r="CB85" s="955"/>
      <c r="CC85" s="955"/>
      <c r="CD85" s="955"/>
      <c r="CE85" s="955"/>
      <c r="CF85" s="955"/>
      <c r="CG85" s="956"/>
      <c r="CH85" s="951"/>
      <c r="CI85" s="952"/>
      <c r="CJ85" s="952"/>
      <c r="CK85" s="952"/>
      <c r="CL85" s="953"/>
      <c r="CM85" s="951"/>
      <c r="CN85" s="952"/>
      <c r="CO85" s="952"/>
      <c r="CP85" s="952"/>
      <c r="CQ85" s="953"/>
      <c r="CR85" s="951"/>
      <c r="CS85" s="952"/>
      <c r="CT85" s="952"/>
      <c r="CU85" s="952"/>
      <c r="CV85" s="953"/>
      <c r="CW85" s="951"/>
      <c r="CX85" s="952"/>
      <c r="CY85" s="952"/>
      <c r="CZ85" s="952"/>
      <c r="DA85" s="953"/>
      <c r="DB85" s="951"/>
      <c r="DC85" s="952"/>
      <c r="DD85" s="952"/>
      <c r="DE85" s="952"/>
      <c r="DF85" s="953"/>
      <c r="DG85" s="951"/>
      <c r="DH85" s="952"/>
      <c r="DI85" s="952"/>
      <c r="DJ85" s="952"/>
      <c r="DK85" s="953"/>
      <c r="DL85" s="951"/>
      <c r="DM85" s="952"/>
      <c r="DN85" s="952"/>
      <c r="DO85" s="952"/>
      <c r="DP85" s="953"/>
      <c r="DQ85" s="951"/>
      <c r="DR85" s="952"/>
      <c r="DS85" s="952"/>
      <c r="DT85" s="952"/>
      <c r="DU85" s="953"/>
      <c r="DV85" s="948"/>
      <c r="DW85" s="949"/>
      <c r="DX85" s="949"/>
      <c r="DY85" s="949"/>
      <c r="DZ85" s="950"/>
      <c r="EA85" s="248"/>
    </row>
    <row r="86" spans="1:131" s="249" customFormat="1" ht="26.25" customHeight="1" x14ac:dyDescent="0.2">
      <c r="A86" s="263">
        <v>19</v>
      </c>
      <c r="B86" s="964"/>
      <c r="C86" s="965"/>
      <c r="D86" s="965"/>
      <c r="E86" s="965"/>
      <c r="F86" s="965"/>
      <c r="G86" s="965"/>
      <c r="H86" s="965"/>
      <c r="I86" s="965"/>
      <c r="J86" s="965"/>
      <c r="K86" s="965"/>
      <c r="L86" s="965"/>
      <c r="M86" s="965"/>
      <c r="N86" s="965"/>
      <c r="O86" s="965"/>
      <c r="P86" s="966"/>
      <c r="Q86" s="967"/>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8"/>
      <c r="BA86" s="968"/>
      <c r="BB86" s="968"/>
      <c r="BC86" s="968"/>
      <c r="BD86" s="969"/>
      <c r="BE86" s="267"/>
      <c r="BF86" s="267"/>
      <c r="BG86" s="267"/>
      <c r="BH86" s="267"/>
      <c r="BI86" s="267"/>
      <c r="BJ86" s="267"/>
      <c r="BK86" s="267"/>
      <c r="BL86" s="267"/>
      <c r="BM86" s="267"/>
      <c r="BN86" s="267"/>
      <c r="BO86" s="267"/>
      <c r="BP86" s="267"/>
      <c r="BQ86" s="264">
        <v>80</v>
      </c>
      <c r="BR86" s="269"/>
      <c r="BS86" s="954"/>
      <c r="BT86" s="955"/>
      <c r="BU86" s="955"/>
      <c r="BV86" s="955"/>
      <c r="BW86" s="955"/>
      <c r="BX86" s="955"/>
      <c r="BY86" s="955"/>
      <c r="BZ86" s="955"/>
      <c r="CA86" s="955"/>
      <c r="CB86" s="955"/>
      <c r="CC86" s="955"/>
      <c r="CD86" s="955"/>
      <c r="CE86" s="955"/>
      <c r="CF86" s="955"/>
      <c r="CG86" s="956"/>
      <c r="CH86" s="951"/>
      <c r="CI86" s="952"/>
      <c r="CJ86" s="952"/>
      <c r="CK86" s="952"/>
      <c r="CL86" s="953"/>
      <c r="CM86" s="951"/>
      <c r="CN86" s="952"/>
      <c r="CO86" s="952"/>
      <c r="CP86" s="952"/>
      <c r="CQ86" s="953"/>
      <c r="CR86" s="951"/>
      <c r="CS86" s="952"/>
      <c r="CT86" s="952"/>
      <c r="CU86" s="952"/>
      <c r="CV86" s="953"/>
      <c r="CW86" s="951"/>
      <c r="CX86" s="952"/>
      <c r="CY86" s="952"/>
      <c r="CZ86" s="952"/>
      <c r="DA86" s="953"/>
      <c r="DB86" s="951"/>
      <c r="DC86" s="952"/>
      <c r="DD86" s="952"/>
      <c r="DE86" s="952"/>
      <c r="DF86" s="953"/>
      <c r="DG86" s="951"/>
      <c r="DH86" s="952"/>
      <c r="DI86" s="952"/>
      <c r="DJ86" s="952"/>
      <c r="DK86" s="953"/>
      <c r="DL86" s="951"/>
      <c r="DM86" s="952"/>
      <c r="DN86" s="952"/>
      <c r="DO86" s="952"/>
      <c r="DP86" s="953"/>
      <c r="DQ86" s="951"/>
      <c r="DR86" s="952"/>
      <c r="DS86" s="952"/>
      <c r="DT86" s="952"/>
      <c r="DU86" s="953"/>
      <c r="DV86" s="948"/>
      <c r="DW86" s="949"/>
      <c r="DX86" s="949"/>
      <c r="DY86" s="949"/>
      <c r="DZ86" s="950"/>
      <c r="EA86" s="248"/>
    </row>
    <row r="87" spans="1:131" s="249" customFormat="1" ht="26.25" customHeight="1" x14ac:dyDescent="0.2">
      <c r="A87" s="271">
        <v>20</v>
      </c>
      <c r="B87" s="973"/>
      <c r="C87" s="974"/>
      <c r="D87" s="974"/>
      <c r="E87" s="974"/>
      <c r="F87" s="974"/>
      <c r="G87" s="974"/>
      <c r="H87" s="974"/>
      <c r="I87" s="974"/>
      <c r="J87" s="974"/>
      <c r="K87" s="974"/>
      <c r="L87" s="974"/>
      <c r="M87" s="974"/>
      <c r="N87" s="974"/>
      <c r="O87" s="974"/>
      <c r="P87" s="975"/>
      <c r="Q87" s="976"/>
      <c r="R87" s="977"/>
      <c r="S87" s="977"/>
      <c r="T87" s="977"/>
      <c r="U87" s="977"/>
      <c r="V87" s="977"/>
      <c r="W87" s="977"/>
      <c r="X87" s="977"/>
      <c r="Y87" s="977"/>
      <c r="Z87" s="977"/>
      <c r="AA87" s="977"/>
      <c r="AB87" s="977"/>
      <c r="AC87" s="977"/>
      <c r="AD87" s="977"/>
      <c r="AE87" s="977"/>
      <c r="AF87" s="977"/>
      <c r="AG87" s="977"/>
      <c r="AH87" s="977"/>
      <c r="AI87" s="977"/>
      <c r="AJ87" s="977"/>
      <c r="AK87" s="977"/>
      <c r="AL87" s="977"/>
      <c r="AM87" s="977"/>
      <c r="AN87" s="977"/>
      <c r="AO87" s="977"/>
      <c r="AP87" s="977"/>
      <c r="AQ87" s="977"/>
      <c r="AR87" s="977"/>
      <c r="AS87" s="977"/>
      <c r="AT87" s="977"/>
      <c r="AU87" s="977"/>
      <c r="AV87" s="977"/>
      <c r="AW87" s="977"/>
      <c r="AX87" s="977"/>
      <c r="AY87" s="977"/>
      <c r="AZ87" s="978"/>
      <c r="BA87" s="978"/>
      <c r="BB87" s="978"/>
      <c r="BC87" s="978"/>
      <c r="BD87" s="979"/>
      <c r="BE87" s="267"/>
      <c r="BF87" s="267"/>
      <c r="BG87" s="267"/>
      <c r="BH87" s="267"/>
      <c r="BI87" s="267"/>
      <c r="BJ87" s="267"/>
      <c r="BK87" s="267"/>
      <c r="BL87" s="267"/>
      <c r="BM87" s="267"/>
      <c r="BN87" s="267"/>
      <c r="BO87" s="267"/>
      <c r="BP87" s="267"/>
      <c r="BQ87" s="264">
        <v>81</v>
      </c>
      <c r="BR87" s="269"/>
      <c r="BS87" s="954"/>
      <c r="BT87" s="955"/>
      <c r="BU87" s="955"/>
      <c r="BV87" s="955"/>
      <c r="BW87" s="955"/>
      <c r="BX87" s="955"/>
      <c r="BY87" s="955"/>
      <c r="BZ87" s="955"/>
      <c r="CA87" s="955"/>
      <c r="CB87" s="955"/>
      <c r="CC87" s="955"/>
      <c r="CD87" s="955"/>
      <c r="CE87" s="955"/>
      <c r="CF87" s="955"/>
      <c r="CG87" s="956"/>
      <c r="CH87" s="951"/>
      <c r="CI87" s="952"/>
      <c r="CJ87" s="952"/>
      <c r="CK87" s="952"/>
      <c r="CL87" s="953"/>
      <c r="CM87" s="951"/>
      <c r="CN87" s="952"/>
      <c r="CO87" s="952"/>
      <c r="CP87" s="952"/>
      <c r="CQ87" s="953"/>
      <c r="CR87" s="951"/>
      <c r="CS87" s="952"/>
      <c r="CT87" s="952"/>
      <c r="CU87" s="952"/>
      <c r="CV87" s="953"/>
      <c r="CW87" s="951"/>
      <c r="CX87" s="952"/>
      <c r="CY87" s="952"/>
      <c r="CZ87" s="952"/>
      <c r="DA87" s="953"/>
      <c r="DB87" s="951"/>
      <c r="DC87" s="952"/>
      <c r="DD87" s="952"/>
      <c r="DE87" s="952"/>
      <c r="DF87" s="953"/>
      <c r="DG87" s="951"/>
      <c r="DH87" s="952"/>
      <c r="DI87" s="952"/>
      <c r="DJ87" s="952"/>
      <c r="DK87" s="953"/>
      <c r="DL87" s="951"/>
      <c r="DM87" s="952"/>
      <c r="DN87" s="952"/>
      <c r="DO87" s="952"/>
      <c r="DP87" s="953"/>
      <c r="DQ87" s="951"/>
      <c r="DR87" s="952"/>
      <c r="DS87" s="952"/>
      <c r="DT87" s="952"/>
      <c r="DU87" s="953"/>
      <c r="DV87" s="948"/>
      <c r="DW87" s="949"/>
      <c r="DX87" s="949"/>
      <c r="DY87" s="949"/>
      <c r="DZ87" s="950"/>
      <c r="EA87" s="248"/>
    </row>
    <row r="88" spans="1:131" s="249" customFormat="1" ht="26.25" customHeight="1" thickBot="1" x14ac:dyDescent="0.25">
      <c r="A88" s="266" t="s">
        <v>389</v>
      </c>
      <c r="B88" s="876" t="s">
        <v>418</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f>SUM(AF68:AJ87)</f>
        <v>40691</v>
      </c>
      <c r="AG88" s="928"/>
      <c r="AH88" s="928"/>
      <c r="AI88" s="928"/>
      <c r="AJ88" s="928"/>
      <c r="AK88" s="925"/>
      <c r="AL88" s="925"/>
      <c r="AM88" s="925"/>
      <c r="AN88" s="925"/>
      <c r="AO88" s="925"/>
      <c r="AP88" s="928">
        <f>SUM(AP68:AT87)</f>
        <v>12027</v>
      </c>
      <c r="AQ88" s="928"/>
      <c r="AR88" s="928"/>
      <c r="AS88" s="928"/>
      <c r="AT88" s="928"/>
      <c r="AU88" s="928">
        <f>SUM(AU68:AY87)</f>
        <v>3460</v>
      </c>
      <c r="AV88" s="928"/>
      <c r="AW88" s="928"/>
      <c r="AX88" s="928"/>
      <c r="AY88" s="928"/>
      <c r="AZ88" s="980"/>
      <c r="BA88" s="980"/>
      <c r="BB88" s="980"/>
      <c r="BC88" s="980"/>
      <c r="BD88" s="981"/>
      <c r="BE88" s="267"/>
      <c r="BF88" s="267"/>
      <c r="BG88" s="267"/>
      <c r="BH88" s="267"/>
      <c r="BI88" s="267"/>
      <c r="BJ88" s="267"/>
      <c r="BK88" s="267"/>
      <c r="BL88" s="267"/>
      <c r="BM88" s="267"/>
      <c r="BN88" s="267"/>
      <c r="BO88" s="267"/>
      <c r="BP88" s="267"/>
      <c r="BQ88" s="264">
        <v>82</v>
      </c>
      <c r="BR88" s="269"/>
      <c r="BS88" s="954"/>
      <c r="BT88" s="955"/>
      <c r="BU88" s="955"/>
      <c r="BV88" s="955"/>
      <c r="BW88" s="955"/>
      <c r="BX88" s="955"/>
      <c r="BY88" s="955"/>
      <c r="BZ88" s="955"/>
      <c r="CA88" s="955"/>
      <c r="CB88" s="955"/>
      <c r="CC88" s="955"/>
      <c r="CD88" s="955"/>
      <c r="CE88" s="955"/>
      <c r="CF88" s="955"/>
      <c r="CG88" s="956"/>
      <c r="CH88" s="951"/>
      <c r="CI88" s="952"/>
      <c r="CJ88" s="952"/>
      <c r="CK88" s="952"/>
      <c r="CL88" s="953"/>
      <c r="CM88" s="951"/>
      <c r="CN88" s="952"/>
      <c r="CO88" s="952"/>
      <c r="CP88" s="952"/>
      <c r="CQ88" s="953"/>
      <c r="CR88" s="951"/>
      <c r="CS88" s="952"/>
      <c r="CT88" s="952"/>
      <c r="CU88" s="952"/>
      <c r="CV88" s="953"/>
      <c r="CW88" s="951"/>
      <c r="CX88" s="952"/>
      <c r="CY88" s="952"/>
      <c r="CZ88" s="952"/>
      <c r="DA88" s="953"/>
      <c r="DB88" s="951"/>
      <c r="DC88" s="952"/>
      <c r="DD88" s="952"/>
      <c r="DE88" s="952"/>
      <c r="DF88" s="953"/>
      <c r="DG88" s="951"/>
      <c r="DH88" s="952"/>
      <c r="DI88" s="952"/>
      <c r="DJ88" s="952"/>
      <c r="DK88" s="953"/>
      <c r="DL88" s="951"/>
      <c r="DM88" s="952"/>
      <c r="DN88" s="952"/>
      <c r="DO88" s="952"/>
      <c r="DP88" s="953"/>
      <c r="DQ88" s="951"/>
      <c r="DR88" s="952"/>
      <c r="DS88" s="952"/>
      <c r="DT88" s="952"/>
      <c r="DU88" s="953"/>
      <c r="DV88" s="948"/>
      <c r="DW88" s="949"/>
      <c r="DX88" s="949"/>
      <c r="DY88" s="949"/>
      <c r="DZ88" s="950"/>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54"/>
      <c r="BT89" s="955"/>
      <c r="BU89" s="955"/>
      <c r="BV89" s="955"/>
      <c r="BW89" s="955"/>
      <c r="BX89" s="955"/>
      <c r="BY89" s="955"/>
      <c r="BZ89" s="955"/>
      <c r="CA89" s="955"/>
      <c r="CB89" s="955"/>
      <c r="CC89" s="955"/>
      <c r="CD89" s="955"/>
      <c r="CE89" s="955"/>
      <c r="CF89" s="955"/>
      <c r="CG89" s="956"/>
      <c r="CH89" s="951"/>
      <c r="CI89" s="952"/>
      <c r="CJ89" s="952"/>
      <c r="CK89" s="952"/>
      <c r="CL89" s="953"/>
      <c r="CM89" s="951"/>
      <c r="CN89" s="952"/>
      <c r="CO89" s="952"/>
      <c r="CP89" s="952"/>
      <c r="CQ89" s="953"/>
      <c r="CR89" s="951"/>
      <c r="CS89" s="952"/>
      <c r="CT89" s="952"/>
      <c r="CU89" s="952"/>
      <c r="CV89" s="953"/>
      <c r="CW89" s="951"/>
      <c r="CX89" s="952"/>
      <c r="CY89" s="952"/>
      <c r="CZ89" s="952"/>
      <c r="DA89" s="953"/>
      <c r="DB89" s="951"/>
      <c r="DC89" s="952"/>
      <c r="DD89" s="952"/>
      <c r="DE89" s="952"/>
      <c r="DF89" s="953"/>
      <c r="DG89" s="951"/>
      <c r="DH89" s="952"/>
      <c r="DI89" s="952"/>
      <c r="DJ89" s="952"/>
      <c r="DK89" s="953"/>
      <c r="DL89" s="951"/>
      <c r="DM89" s="952"/>
      <c r="DN89" s="952"/>
      <c r="DO89" s="952"/>
      <c r="DP89" s="953"/>
      <c r="DQ89" s="951"/>
      <c r="DR89" s="952"/>
      <c r="DS89" s="952"/>
      <c r="DT89" s="952"/>
      <c r="DU89" s="953"/>
      <c r="DV89" s="948"/>
      <c r="DW89" s="949"/>
      <c r="DX89" s="949"/>
      <c r="DY89" s="949"/>
      <c r="DZ89" s="950"/>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54"/>
      <c r="BT90" s="955"/>
      <c r="BU90" s="955"/>
      <c r="BV90" s="955"/>
      <c r="BW90" s="955"/>
      <c r="BX90" s="955"/>
      <c r="BY90" s="955"/>
      <c r="BZ90" s="955"/>
      <c r="CA90" s="955"/>
      <c r="CB90" s="955"/>
      <c r="CC90" s="955"/>
      <c r="CD90" s="955"/>
      <c r="CE90" s="955"/>
      <c r="CF90" s="955"/>
      <c r="CG90" s="956"/>
      <c r="CH90" s="951"/>
      <c r="CI90" s="952"/>
      <c r="CJ90" s="952"/>
      <c r="CK90" s="952"/>
      <c r="CL90" s="953"/>
      <c r="CM90" s="951"/>
      <c r="CN90" s="952"/>
      <c r="CO90" s="952"/>
      <c r="CP90" s="952"/>
      <c r="CQ90" s="953"/>
      <c r="CR90" s="951"/>
      <c r="CS90" s="952"/>
      <c r="CT90" s="952"/>
      <c r="CU90" s="952"/>
      <c r="CV90" s="953"/>
      <c r="CW90" s="951"/>
      <c r="CX90" s="952"/>
      <c r="CY90" s="952"/>
      <c r="CZ90" s="952"/>
      <c r="DA90" s="953"/>
      <c r="DB90" s="951"/>
      <c r="DC90" s="952"/>
      <c r="DD90" s="952"/>
      <c r="DE90" s="952"/>
      <c r="DF90" s="953"/>
      <c r="DG90" s="951"/>
      <c r="DH90" s="952"/>
      <c r="DI90" s="952"/>
      <c r="DJ90" s="952"/>
      <c r="DK90" s="953"/>
      <c r="DL90" s="951"/>
      <c r="DM90" s="952"/>
      <c r="DN90" s="952"/>
      <c r="DO90" s="952"/>
      <c r="DP90" s="953"/>
      <c r="DQ90" s="951"/>
      <c r="DR90" s="952"/>
      <c r="DS90" s="952"/>
      <c r="DT90" s="952"/>
      <c r="DU90" s="953"/>
      <c r="DV90" s="948"/>
      <c r="DW90" s="949"/>
      <c r="DX90" s="949"/>
      <c r="DY90" s="949"/>
      <c r="DZ90" s="950"/>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54"/>
      <c r="BT91" s="955"/>
      <c r="BU91" s="955"/>
      <c r="BV91" s="955"/>
      <c r="BW91" s="955"/>
      <c r="BX91" s="955"/>
      <c r="BY91" s="955"/>
      <c r="BZ91" s="955"/>
      <c r="CA91" s="955"/>
      <c r="CB91" s="955"/>
      <c r="CC91" s="955"/>
      <c r="CD91" s="955"/>
      <c r="CE91" s="955"/>
      <c r="CF91" s="955"/>
      <c r="CG91" s="956"/>
      <c r="CH91" s="951"/>
      <c r="CI91" s="952"/>
      <c r="CJ91" s="952"/>
      <c r="CK91" s="952"/>
      <c r="CL91" s="953"/>
      <c r="CM91" s="951"/>
      <c r="CN91" s="952"/>
      <c r="CO91" s="952"/>
      <c r="CP91" s="952"/>
      <c r="CQ91" s="953"/>
      <c r="CR91" s="951"/>
      <c r="CS91" s="952"/>
      <c r="CT91" s="952"/>
      <c r="CU91" s="952"/>
      <c r="CV91" s="953"/>
      <c r="CW91" s="951"/>
      <c r="CX91" s="952"/>
      <c r="CY91" s="952"/>
      <c r="CZ91" s="952"/>
      <c r="DA91" s="953"/>
      <c r="DB91" s="951"/>
      <c r="DC91" s="952"/>
      <c r="DD91" s="952"/>
      <c r="DE91" s="952"/>
      <c r="DF91" s="953"/>
      <c r="DG91" s="951"/>
      <c r="DH91" s="952"/>
      <c r="DI91" s="952"/>
      <c r="DJ91" s="952"/>
      <c r="DK91" s="953"/>
      <c r="DL91" s="951"/>
      <c r="DM91" s="952"/>
      <c r="DN91" s="952"/>
      <c r="DO91" s="952"/>
      <c r="DP91" s="953"/>
      <c r="DQ91" s="951"/>
      <c r="DR91" s="952"/>
      <c r="DS91" s="952"/>
      <c r="DT91" s="952"/>
      <c r="DU91" s="953"/>
      <c r="DV91" s="948"/>
      <c r="DW91" s="949"/>
      <c r="DX91" s="949"/>
      <c r="DY91" s="949"/>
      <c r="DZ91" s="950"/>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54"/>
      <c r="BT92" s="955"/>
      <c r="BU92" s="955"/>
      <c r="BV92" s="955"/>
      <c r="BW92" s="955"/>
      <c r="BX92" s="955"/>
      <c r="BY92" s="955"/>
      <c r="BZ92" s="955"/>
      <c r="CA92" s="955"/>
      <c r="CB92" s="955"/>
      <c r="CC92" s="955"/>
      <c r="CD92" s="955"/>
      <c r="CE92" s="955"/>
      <c r="CF92" s="955"/>
      <c r="CG92" s="956"/>
      <c r="CH92" s="951"/>
      <c r="CI92" s="952"/>
      <c r="CJ92" s="952"/>
      <c r="CK92" s="952"/>
      <c r="CL92" s="953"/>
      <c r="CM92" s="951"/>
      <c r="CN92" s="952"/>
      <c r="CO92" s="952"/>
      <c r="CP92" s="952"/>
      <c r="CQ92" s="953"/>
      <c r="CR92" s="951"/>
      <c r="CS92" s="952"/>
      <c r="CT92" s="952"/>
      <c r="CU92" s="952"/>
      <c r="CV92" s="953"/>
      <c r="CW92" s="951"/>
      <c r="CX92" s="952"/>
      <c r="CY92" s="952"/>
      <c r="CZ92" s="952"/>
      <c r="DA92" s="953"/>
      <c r="DB92" s="951"/>
      <c r="DC92" s="952"/>
      <c r="DD92" s="952"/>
      <c r="DE92" s="952"/>
      <c r="DF92" s="953"/>
      <c r="DG92" s="951"/>
      <c r="DH92" s="952"/>
      <c r="DI92" s="952"/>
      <c r="DJ92" s="952"/>
      <c r="DK92" s="953"/>
      <c r="DL92" s="951"/>
      <c r="DM92" s="952"/>
      <c r="DN92" s="952"/>
      <c r="DO92" s="952"/>
      <c r="DP92" s="953"/>
      <c r="DQ92" s="951"/>
      <c r="DR92" s="952"/>
      <c r="DS92" s="952"/>
      <c r="DT92" s="952"/>
      <c r="DU92" s="953"/>
      <c r="DV92" s="948"/>
      <c r="DW92" s="949"/>
      <c r="DX92" s="949"/>
      <c r="DY92" s="949"/>
      <c r="DZ92" s="950"/>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54"/>
      <c r="BT93" s="955"/>
      <c r="BU93" s="955"/>
      <c r="BV93" s="955"/>
      <c r="BW93" s="955"/>
      <c r="BX93" s="955"/>
      <c r="BY93" s="955"/>
      <c r="BZ93" s="955"/>
      <c r="CA93" s="955"/>
      <c r="CB93" s="955"/>
      <c r="CC93" s="955"/>
      <c r="CD93" s="955"/>
      <c r="CE93" s="955"/>
      <c r="CF93" s="955"/>
      <c r="CG93" s="956"/>
      <c r="CH93" s="951"/>
      <c r="CI93" s="952"/>
      <c r="CJ93" s="952"/>
      <c r="CK93" s="952"/>
      <c r="CL93" s="953"/>
      <c r="CM93" s="951"/>
      <c r="CN93" s="952"/>
      <c r="CO93" s="952"/>
      <c r="CP93" s="952"/>
      <c r="CQ93" s="953"/>
      <c r="CR93" s="951"/>
      <c r="CS93" s="952"/>
      <c r="CT93" s="952"/>
      <c r="CU93" s="952"/>
      <c r="CV93" s="953"/>
      <c r="CW93" s="951"/>
      <c r="CX93" s="952"/>
      <c r="CY93" s="952"/>
      <c r="CZ93" s="952"/>
      <c r="DA93" s="953"/>
      <c r="DB93" s="951"/>
      <c r="DC93" s="952"/>
      <c r="DD93" s="952"/>
      <c r="DE93" s="952"/>
      <c r="DF93" s="953"/>
      <c r="DG93" s="951"/>
      <c r="DH93" s="952"/>
      <c r="DI93" s="952"/>
      <c r="DJ93" s="952"/>
      <c r="DK93" s="953"/>
      <c r="DL93" s="951"/>
      <c r="DM93" s="952"/>
      <c r="DN93" s="952"/>
      <c r="DO93" s="952"/>
      <c r="DP93" s="953"/>
      <c r="DQ93" s="951"/>
      <c r="DR93" s="952"/>
      <c r="DS93" s="952"/>
      <c r="DT93" s="952"/>
      <c r="DU93" s="953"/>
      <c r="DV93" s="948"/>
      <c r="DW93" s="949"/>
      <c r="DX93" s="949"/>
      <c r="DY93" s="949"/>
      <c r="DZ93" s="950"/>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54"/>
      <c r="BT94" s="955"/>
      <c r="BU94" s="955"/>
      <c r="BV94" s="955"/>
      <c r="BW94" s="955"/>
      <c r="BX94" s="955"/>
      <c r="BY94" s="955"/>
      <c r="BZ94" s="955"/>
      <c r="CA94" s="955"/>
      <c r="CB94" s="955"/>
      <c r="CC94" s="955"/>
      <c r="CD94" s="955"/>
      <c r="CE94" s="955"/>
      <c r="CF94" s="955"/>
      <c r="CG94" s="956"/>
      <c r="CH94" s="951"/>
      <c r="CI94" s="952"/>
      <c r="CJ94" s="952"/>
      <c r="CK94" s="952"/>
      <c r="CL94" s="953"/>
      <c r="CM94" s="951"/>
      <c r="CN94" s="952"/>
      <c r="CO94" s="952"/>
      <c r="CP94" s="952"/>
      <c r="CQ94" s="953"/>
      <c r="CR94" s="951"/>
      <c r="CS94" s="952"/>
      <c r="CT94" s="952"/>
      <c r="CU94" s="952"/>
      <c r="CV94" s="953"/>
      <c r="CW94" s="951"/>
      <c r="CX94" s="952"/>
      <c r="CY94" s="952"/>
      <c r="CZ94" s="952"/>
      <c r="DA94" s="953"/>
      <c r="DB94" s="951"/>
      <c r="DC94" s="952"/>
      <c r="DD94" s="952"/>
      <c r="DE94" s="952"/>
      <c r="DF94" s="953"/>
      <c r="DG94" s="951"/>
      <c r="DH94" s="952"/>
      <c r="DI94" s="952"/>
      <c r="DJ94" s="952"/>
      <c r="DK94" s="953"/>
      <c r="DL94" s="951"/>
      <c r="DM94" s="952"/>
      <c r="DN94" s="952"/>
      <c r="DO94" s="952"/>
      <c r="DP94" s="953"/>
      <c r="DQ94" s="951"/>
      <c r="DR94" s="952"/>
      <c r="DS94" s="952"/>
      <c r="DT94" s="952"/>
      <c r="DU94" s="953"/>
      <c r="DV94" s="948"/>
      <c r="DW94" s="949"/>
      <c r="DX94" s="949"/>
      <c r="DY94" s="949"/>
      <c r="DZ94" s="950"/>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54"/>
      <c r="BT95" s="955"/>
      <c r="BU95" s="955"/>
      <c r="BV95" s="955"/>
      <c r="BW95" s="955"/>
      <c r="BX95" s="955"/>
      <c r="BY95" s="955"/>
      <c r="BZ95" s="955"/>
      <c r="CA95" s="955"/>
      <c r="CB95" s="955"/>
      <c r="CC95" s="955"/>
      <c r="CD95" s="955"/>
      <c r="CE95" s="955"/>
      <c r="CF95" s="955"/>
      <c r="CG95" s="956"/>
      <c r="CH95" s="951"/>
      <c r="CI95" s="952"/>
      <c r="CJ95" s="952"/>
      <c r="CK95" s="952"/>
      <c r="CL95" s="953"/>
      <c r="CM95" s="951"/>
      <c r="CN95" s="952"/>
      <c r="CO95" s="952"/>
      <c r="CP95" s="952"/>
      <c r="CQ95" s="953"/>
      <c r="CR95" s="951"/>
      <c r="CS95" s="952"/>
      <c r="CT95" s="952"/>
      <c r="CU95" s="952"/>
      <c r="CV95" s="953"/>
      <c r="CW95" s="951"/>
      <c r="CX95" s="952"/>
      <c r="CY95" s="952"/>
      <c r="CZ95" s="952"/>
      <c r="DA95" s="953"/>
      <c r="DB95" s="951"/>
      <c r="DC95" s="952"/>
      <c r="DD95" s="952"/>
      <c r="DE95" s="952"/>
      <c r="DF95" s="953"/>
      <c r="DG95" s="951"/>
      <c r="DH95" s="952"/>
      <c r="DI95" s="952"/>
      <c r="DJ95" s="952"/>
      <c r="DK95" s="953"/>
      <c r="DL95" s="951"/>
      <c r="DM95" s="952"/>
      <c r="DN95" s="952"/>
      <c r="DO95" s="952"/>
      <c r="DP95" s="953"/>
      <c r="DQ95" s="951"/>
      <c r="DR95" s="952"/>
      <c r="DS95" s="952"/>
      <c r="DT95" s="952"/>
      <c r="DU95" s="953"/>
      <c r="DV95" s="948"/>
      <c r="DW95" s="949"/>
      <c r="DX95" s="949"/>
      <c r="DY95" s="949"/>
      <c r="DZ95" s="950"/>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54"/>
      <c r="BT96" s="955"/>
      <c r="BU96" s="955"/>
      <c r="BV96" s="955"/>
      <c r="BW96" s="955"/>
      <c r="BX96" s="955"/>
      <c r="BY96" s="955"/>
      <c r="BZ96" s="955"/>
      <c r="CA96" s="955"/>
      <c r="CB96" s="955"/>
      <c r="CC96" s="955"/>
      <c r="CD96" s="955"/>
      <c r="CE96" s="955"/>
      <c r="CF96" s="955"/>
      <c r="CG96" s="956"/>
      <c r="CH96" s="951"/>
      <c r="CI96" s="952"/>
      <c r="CJ96" s="952"/>
      <c r="CK96" s="952"/>
      <c r="CL96" s="953"/>
      <c r="CM96" s="951"/>
      <c r="CN96" s="952"/>
      <c r="CO96" s="952"/>
      <c r="CP96" s="952"/>
      <c r="CQ96" s="953"/>
      <c r="CR96" s="951"/>
      <c r="CS96" s="952"/>
      <c r="CT96" s="952"/>
      <c r="CU96" s="952"/>
      <c r="CV96" s="953"/>
      <c r="CW96" s="951"/>
      <c r="CX96" s="952"/>
      <c r="CY96" s="952"/>
      <c r="CZ96" s="952"/>
      <c r="DA96" s="953"/>
      <c r="DB96" s="951"/>
      <c r="DC96" s="952"/>
      <c r="DD96" s="952"/>
      <c r="DE96" s="952"/>
      <c r="DF96" s="953"/>
      <c r="DG96" s="951"/>
      <c r="DH96" s="952"/>
      <c r="DI96" s="952"/>
      <c r="DJ96" s="952"/>
      <c r="DK96" s="953"/>
      <c r="DL96" s="951"/>
      <c r="DM96" s="952"/>
      <c r="DN96" s="952"/>
      <c r="DO96" s="952"/>
      <c r="DP96" s="953"/>
      <c r="DQ96" s="951"/>
      <c r="DR96" s="952"/>
      <c r="DS96" s="952"/>
      <c r="DT96" s="952"/>
      <c r="DU96" s="953"/>
      <c r="DV96" s="948"/>
      <c r="DW96" s="949"/>
      <c r="DX96" s="949"/>
      <c r="DY96" s="949"/>
      <c r="DZ96" s="950"/>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54"/>
      <c r="BT97" s="955"/>
      <c r="BU97" s="955"/>
      <c r="BV97" s="955"/>
      <c r="BW97" s="955"/>
      <c r="BX97" s="955"/>
      <c r="BY97" s="955"/>
      <c r="BZ97" s="955"/>
      <c r="CA97" s="955"/>
      <c r="CB97" s="955"/>
      <c r="CC97" s="955"/>
      <c r="CD97" s="955"/>
      <c r="CE97" s="955"/>
      <c r="CF97" s="955"/>
      <c r="CG97" s="956"/>
      <c r="CH97" s="951"/>
      <c r="CI97" s="952"/>
      <c r="CJ97" s="952"/>
      <c r="CK97" s="952"/>
      <c r="CL97" s="953"/>
      <c r="CM97" s="951"/>
      <c r="CN97" s="952"/>
      <c r="CO97" s="952"/>
      <c r="CP97" s="952"/>
      <c r="CQ97" s="953"/>
      <c r="CR97" s="951"/>
      <c r="CS97" s="952"/>
      <c r="CT97" s="952"/>
      <c r="CU97" s="952"/>
      <c r="CV97" s="953"/>
      <c r="CW97" s="951"/>
      <c r="CX97" s="952"/>
      <c r="CY97" s="952"/>
      <c r="CZ97" s="952"/>
      <c r="DA97" s="953"/>
      <c r="DB97" s="951"/>
      <c r="DC97" s="952"/>
      <c r="DD97" s="952"/>
      <c r="DE97" s="952"/>
      <c r="DF97" s="953"/>
      <c r="DG97" s="951"/>
      <c r="DH97" s="952"/>
      <c r="DI97" s="952"/>
      <c r="DJ97" s="952"/>
      <c r="DK97" s="953"/>
      <c r="DL97" s="951"/>
      <c r="DM97" s="952"/>
      <c r="DN97" s="952"/>
      <c r="DO97" s="952"/>
      <c r="DP97" s="953"/>
      <c r="DQ97" s="951"/>
      <c r="DR97" s="952"/>
      <c r="DS97" s="952"/>
      <c r="DT97" s="952"/>
      <c r="DU97" s="953"/>
      <c r="DV97" s="948"/>
      <c r="DW97" s="949"/>
      <c r="DX97" s="949"/>
      <c r="DY97" s="949"/>
      <c r="DZ97" s="950"/>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54"/>
      <c r="BT98" s="955"/>
      <c r="BU98" s="955"/>
      <c r="BV98" s="955"/>
      <c r="BW98" s="955"/>
      <c r="BX98" s="955"/>
      <c r="BY98" s="955"/>
      <c r="BZ98" s="955"/>
      <c r="CA98" s="955"/>
      <c r="CB98" s="955"/>
      <c r="CC98" s="955"/>
      <c r="CD98" s="955"/>
      <c r="CE98" s="955"/>
      <c r="CF98" s="955"/>
      <c r="CG98" s="956"/>
      <c r="CH98" s="951"/>
      <c r="CI98" s="952"/>
      <c r="CJ98" s="952"/>
      <c r="CK98" s="952"/>
      <c r="CL98" s="953"/>
      <c r="CM98" s="951"/>
      <c r="CN98" s="952"/>
      <c r="CO98" s="952"/>
      <c r="CP98" s="952"/>
      <c r="CQ98" s="953"/>
      <c r="CR98" s="951"/>
      <c r="CS98" s="952"/>
      <c r="CT98" s="952"/>
      <c r="CU98" s="952"/>
      <c r="CV98" s="953"/>
      <c r="CW98" s="951"/>
      <c r="CX98" s="952"/>
      <c r="CY98" s="952"/>
      <c r="CZ98" s="952"/>
      <c r="DA98" s="953"/>
      <c r="DB98" s="951"/>
      <c r="DC98" s="952"/>
      <c r="DD98" s="952"/>
      <c r="DE98" s="952"/>
      <c r="DF98" s="953"/>
      <c r="DG98" s="951"/>
      <c r="DH98" s="952"/>
      <c r="DI98" s="952"/>
      <c r="DJ98" s="952"/>
      <c r="DK98" s="953"/>
      <c r="DL98" s="951"/>
      <c r="DM98" s="952"/>
      <c r="DN98" s="952"/>
      <c r="DO98" s="952"/>
      <c r="DP98" s="953"/>
      <c r="DQ98" s="951"/>
      <c r="DR98" s="952"/>
      <c r="DS98" s="952"/>
      <c r="DT98" s="952"/>
      <c r="DU98" s="953"/>
      <c r="DV98" s="948"/>
      <c r="DW98" s="949"/>
      <c r="DX98" s="949"/>
      <c r="DY98" s="949"/>
      <c r="DZ98" s="950"/>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54"/>
      <c r="BT99" s="955"/>
      <c r="BU99" s="955"/>
      <c r="BV99" s="955"/>
      <c r="BW99" s="955"/>
      <c r="BX99" s="955"/>
      <c r="BY99" s="955"/>
      <c r="BZ99" s="955"/>
      <c r="CA99" s="955"/>
      <c r="CB99" s="955"/>
      <c r="CC99" s="955"/>
      <c r="CD99" s="955"/>
      <c r="CE99" s="955"/>
      <c r="CF99" s="955"/>
      <c r="CG99" s="956"/>
      <c r="CH99" s="951"/>
      <c r="CI99" s="952"/>
      <c r="CJ99" s="952"/>
      <c r="CK99" s="952"/>
      <c r="CL99" s="953"/>
      <c r="CM99" s="951"/>
      <c r="CN99" s="952"/>
      <c r="CO99" s="952"/>
      <c r="CP99" s="952"/>
      <c r="CQ99" s="953"/>
      <c r="CR99" s="951"/>
      <c r="CS99" s="952"/>
      <c r="CT99" s="952"/>
      <c r="CU99" s="952"/>
      <c r="CV99" s="953"/>
      <c r="CW99" s="951"/>
      <c r="CX99" s="952"/>
      <c r="CY99" s="952"/>
      <c r="CZ99" s="952"/>
      <c r="DA99" s="953"/>
      <c r="DB99" s="951"/>
      <c r="DC99" s="952"/>
      <c r="DD99" s="952"/>
      <c r="DE99" s="952"/>
      <c r="DF99" s="953"/>
      <c r="DG99" s="951"/>
      <c r="DH99" s="952"/>
      <c r="DI99" s="952"/>
      <c r="DJ99" s="952"/>
      <c r="DK99" s="953"/>
      <c r="DL99" s="951"/>
      <c r="DM99" s="952"/>
      <c r="DN99" s="952"/>
      <c r="DO99" s="952"/>
      <c r="DP99" s="953"/>
      <c r="DQ99" s="951"/>
      <c r="DR99" s="952"/>
      <c r="DS99" s="952"/>
      <c r="DT99" s="952"/>
      <c r="DU99" s="953"/>
      <c r="DV99" s="948"/>
      <c r="DW99" s="949"/>
      <c r="DX99" s="949"/>
      <c r="DY99" s="949"/>
      <c r="DZ99" s="950"/>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54"/>
      <c r="BT100" s="955"/>
      <c r="BU100" s="955"/>
      <c r="BV100" s="955"/>
      <c r="BW100" s="955"/>
      <c r="BX100" s="955"/>
      <c r="BY100" s="955"/>
      <c r="BZ100" s="955"/>
      <c r="CA100" s="955"/>
      <c r="CB100" s="955"/>
      <c r="CC100" s="955"/>
      <c r="CD100" s="955"/>
      <c r="CE100" s="955"/>
      <c r="CF100" s="955"/>
      <c r="CG100" s="956"/>
      <c r="CH100" s="951"/>
      <c r="CI100" s="952"/>
      <c r="CJ100" s="952"/>
      <c r="CK100" s="952"/>
      <c r="CL100" s="953"/>
      <c r="CM100" s="951"/>
      <c r="CN100" s="952"/>
      <c r="CO100" s="952"/>
      <c r="CP100" s="952"/>
      <c r="CQ100" s="953"/>
      <c r="CR100" s="951"/>
      <c r="CS100" s="952"/>
      <c r="CT100" s="952"/>
      <c r="CU100" s="952"/>
      <c r="CV100" s="953"/>
      <c r="CW100" s="951"/>
      <c r="CX100" s="952"/>
      <c r="CY100" s="952"/>
      <c r="CZ100" s="952"/>
      <c r="DA100" s="953"/>
      <c r="DB100" s="951"/>
      <c r="DC100" s="952"/>
      <c r="DD100" s="952"/>
      <c r="DE100" s="952"/>
      <c r="DF100" s="953"/>
      <c r="DG100" s="951"/>
      <c r="DH100" s="952"/>
      <c r="DI100" s="952"/>
      <c r="DJ100" s="952"/>
      <c r="DK100" s="953"/>
      <c r="DL100" s="951"/>
      <c r="DM100" s="952"/>
      <c r="DN100" s="952"/>
      <c r="DO100" s="952"/>
      <c r="DP100" s="953"/>
      <c r="DQ100" s="951"/>
      <c r="DR100" s="952"/>
      <c r="DS100" s="952"/>
      <c r="DT100" s="952"/>
      <c r="DU100" s="953"/>
      <c r="DV100" s="948"/>
      <c r="DW100" s="949"/>
      <c r="DX100" s="949"/>
      <c r="DY100" s="949"/>
      <c r="DZ100" s="950"/>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54"/>
      <c r="BT101" s="955"/>
      <c r="BU101" s="955"/>
      <c r="BV101" s="955"/>
      <c r="BW101" s="955"/>
      <c r="BX101" s="955"/>
      <c r="BY101" s="955"/>
      <c r="BZ101" s="955"/>
      <c r="CA101" s="955"/>
      <c r="CB101" s="955"/>
      <c r="CC101" s="955"/>
      <c r="CD101" s="955"/>
      <c r="CE101" s="955"/>
      <c r="CF101" s="955"/>
      <c r="CG101" s="956"/>
      <c r="CH101" s="951"/>
      <c r="CI101" s="952"/>
      <c r="CJ101" s="952"/>
      <c r="CK101" s="952"/>
      <c r="CL101" s="953"/>
      <c r="CM101" s="951"/>
      <c r="CN101" s="952"/>
      <c r="CO101" s="952"/>
      <c r="CP101" s="952"/>
      <c r="CQ101" s="953"/>
      <c r="CR101" s="951"/>
      <c r="CS101" s="952"/>
      <c r="CT101" s="952"/>
      <c r="CU101" s="952"/>
      <c r="CV101" s="953"/>
      <c r="CW101" s="951"/>
      <c r="CX101" s="952"/>
      <c r="CY101" s="952"/>
      <c r="CZ101" s="952"/>
      <c r="DA101" s="953"/>
      <c r="DB101" s="951"/>
      <c r="DC101" s="952"/>
      <c r="DD101" s="952"/>
      <c r="DE101" s="952"/>
      <c r="DF101" s="953"/>
      <c r="DG101" s="951"/>
      <c r="DH101" s="952"/>
      <c r="DI101" s="952"/>
      <c r="DJ101" s="952"/>
      <c r="DK101" s="953"/>
      <c r="DL101" s="951"/>
      <c r="DM101" s="952"/>
      <c r="DN101" s="952"/>
      <c r="DO101" s="952"/>
      <c r="DP101" s="953"/>
      <c r="DQ101" s="951"/>
      <c r="DR101" s="952"/>
      <c r="DS101" s="952"/>
      <c r="DT101" s="952"/>
      <c r="DU101" s="953"/>
      <c r="DV101" s="948"/>
      <c r="DW101" s="949"/>
      <c r="DX101" s="949"/>
      <c r="DY101" s="949"/>
      <c r="DZ101" s="950"/>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9</v>
      </c>
      <c r="BR102" s="876" t="s">
        <v>419</v>
      </c>
      <c r="BS102" s="877"/>
      <c r="BT102" s="877"/>
      <c r="BU102" s="877"/>
      <c r="BV102" s="877"/>
      <c r="BW102" s="877"/>
      <c r="BX102" s="877"/>
      <c r="BY102" s="877"/>
      <c r="BZ102" s="877"/>
      <c r="CA102" s="877"/>
      <c r="CB102" s="877"/>
      <c r="CC102" s="877"/>
      <c r="CD102" s="877"/>
      <c r="CE102" s="877"/>
      <c r="CF102" s="877"/>
      <c r="CG102" s="878"/>
      <c r="CH102" s="982"/>
      <c r="CI102" s="983"/>
      <c r="CJ102" s="983"/>
      <c r="CK102" s="983"/>
      <c r="CL102" s="984"/>
      <c r="CM102" s="982"/>
      <c r="CN102" s="983"/>
      <c r="CO102" s="983"/>
      <c r="CP102" s="983"/>
      <c r="CQ102" s="984"/>
      <c r="CR102" s="985">
        <f>CR7</f>
        <v>2</v>
      </c>
      <c r="CS102" s="933"/>
      <c r="CT102" s="933"/>
      <c r="CU102" s="933"/>
      <c r="CV102" s="986"/>
      <c r="CW102" s="985">
        <f>CW7</f>
        <v>1</v>
      </c>
      <c r="CX102" s="933"/>
      <c r="CY102" s="933"/>
      <c r="CZ102" s="933"/>
      <c r="DA102" s="986"/>
      <c r="DB102" s="985" t="str">
        <f t="shared" ref="DB102" si="1">DB7</f>
        <v>－</v>
      </c>
      <c r="DC102" s="933"/>
      <c r="DD102" s="933"/>
      <c r="DE102" s="933"/>
      <c r="DF102" s="986"/>
      <c r="DG102" s="985">
        <f t="shared" ref="DG102" si="2">DG7</f>
        <v>452</v>
      </c>
      <c r="DH102" s="933"/>
      <c r="DI102" s="933"/>
      <c r="DJ102" s="933"/>
      <c r="DK102" s="986"/>
      <c r="DL102" s="985" t="str">
        <f t="shared" ref="DL102" si="3">DL7</f>
        <v>－</v>
      </c>
      <c r="DM102" s="933"/>
      <c r="DN102" s="933"/>
      <c r="DO102" s="933"/>
      <c r="DP102" s="986"/>
      <c r="DQ102" s="985" t="str">
        <f t="shared" ref="DQ102" si="4">DQ7</f>
        <v>－</v>
      </c>
      <c r="DR102" s="933"/>
      <c r="DS102" s="933"/>
      <c r="DT102" s="933"/>
      <c r="DU102" s="986"/>
      <c r="DV102" s="1009"/>
      <c r="DW102" s="939"/>
      <c r="DX102" s="939"/>
      <c r="DY102" s="939"/>
      <c r="DZ102" s="94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10" t="s">
        <v>420</v>
      </c>
      <c r="BR103" s="1010"/>
      <c r="BS103" s="1010"/>
      <c r="BT103" s="1010"/>
      <c r="BU103" s="1010"/>
      <c r="BV103" s="1010"/>
      <c r="BW103" s="1010"/>
      <c r="BX103" s="1010"/>
      <c r="BY103" s="1010"/>
      <c r="BZ103" s="1010"/>
      <c r="CA103" s="1010"/>
      <c r="CB103" s="1010"/>
      <c r="CC103" s="1010"/>
      <c r="CD103" s="1010"/>
      <c r="CE103" s="1010"/>
      <c r="CF103" s="1010"/>
      <c r="CG103" s="1010"/>
      <c r="CH103" s="1010"/>
      <c r="CI103" s="1010"/>
      <c r="CJ103" s="1010"/>
      <c r="CK103" s="1010"/>
      <c r="CL103" s="1010"/>
      <c r="CM103" s="1010"/>
      <c r="CN103" s="1010"/>
      <c r="CO103" s="1010"/>
      <c r="CP103" s="1010"/>
      <c r="CQ103" s="1010"/>
      <c r="CR103" s="1010"/>
      <c r="CS103" s="1010"/>
      <c r="CT103" s="1010"/>
      <c r="CU103" s="1010"/>
      <c r="CV103" s="1010"/>
      <c r="CW103" s="1010"/>
      <c r="CX103" s="1010"/>
      <c r="CY103" s="1010"/>
      <c r="CZ103" s="1010"/>
      <c r="DA103" s="1010"/>
      <c r="DB103" s="1010"/>
      <c r="DC103" s="1010"/>
      <c r="DD103" s="1010"/>
      <c r="DE103" s="1010"/>
      <c r="DF103" s="1010"/>
      <c r="DG103" s="1010"/>
      <c r="DH103" s="1010"/>
      <c r="DI103" s="1010"/>
      <c r="DJ103" s="1010"/>
      <c r="DK103" s="1010"/>
      <c r="DL103" s="1010"/>
      <c r="DM103" s="1010"/>
      <c r="DN103" s="1010"/>
      <c r="DO103" s="1010"/>
      <c r="DP103" s="1010"/>
      <c r="DQ103" s="1010"/>
      <c r="DR103" s="1010"/>
      <c r="DS103" s="1010"/>
      <c r="DT103" s="1010"/>
      <c r="DU103" s="1010"/>
      <c r="DV103" s="1010"/>
      <c r="DW103" s="1010"/>
      <c r="DX103" s="1010"/>
      <c r="DY103" s="1010"/>
      <c r="DZ103" s="1010"/>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11" t="s">
        <v>421</v>
      </c>
      <c r="BR104" s="1011"/>
      <c r="BS104" s="1011"/>
      <c r="BT104" s="1011"/>
      <c r="BU104" s="1011"/>
      <c r="BV104" s="1011"/>
      <c r="BW104" s="1011"/>
      <c r="BX104" s="1011"/>
      <c r="BY104" s="1011"/>
      <c r="BZ104" s="1011"/>
      <c r="CA104" s="1011"/>
      <c r="CB104" s="1011"/>
      <c r="CC104" s="1011"/>
      <c r="CD104" s="1011"/>
      <c r="CE104" s="1011"/>
      <c r="CF104" s="1011"/>
      <c r="CG104" s="1011"/>
      <c r="CH104" s="1011"/>
      <c r="CI104" s="1011"/>
      <c r="CJ104" s="1011"/>
      <c r="CK104" s="1011"/>
      <c r="CL104" s="1011"/>
      <c r="CM104" s="1011"/>
      <c r="CN104" s="1011"/>
      <c r="CO104" s="1011"/>
      <c r="CP104" s="1011"/>
      <c r="CQ104" s="1011"/>
      <c r="CR104" s="1011"/>
      <c r="CS104" s="1011"/>
      <c r="CT104" s="1011"/>
      <c r="CU104" s="1011"/>
      <c r="CV104" s="1011"/>
      <c r="CW104" s="1011"/>
      <c r="CX104" s="1011"/>
      <c r="CY104" s="1011"/>
      <c r="CZ104" s="1011"/>
      <c r="DA104" s="1011"/>
      <c r="DB104" s="1011"/>
      <c r="DC104" s="1011"/>
      <c r="DD104" s="1011"/>
      <c r="DE104" s="1011"/>
      <c r="DF104" s="1011"/>
      <c r="DG104" s="1011"/>
      <c r="DH104" s="1011"/>
      <c r="DI104" s="1011"/>
      <c r="DJ104" s="1011"/>
      <c r="DK104" s="1011"/>
      <c r="DL104" s="1011"/>
      <c r="DM104" s="1011"/>
      <c r="DN104" s="1011"/>
      <c r="DO104" s="1011"/>
      <c r="DP104" s="1011"/>
      <c r="DQ104" s="1011"/>
      <c r="DR104" s="1011"/>
      <c r="DS104" s="1011"/>
      <c r="DT104" s="1011"/>
      <c r="DU104" s="1011"/>
      <c r="DV104" s="1011"/>
      <c r="DW104" s="1011"/>
      <c r="DX104" s="1011"/>
      <c r="DY104" s="1011"/>
      <c r="DZ104" s="1011"/>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2</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3</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12" t="s">
        <v>424</v>
      </c>
      <c r="B108" s="1013"/>
      <c r="C108" s="1013"/>
      <c r="D108" s="1013"/>
      <c r="E108" s="1013"/>
      <c r="F108" s="1013"/>
      <c r="G108" s="1013"/>
      <c r="H108" s="1013"/>
      <c r="I108" s="1013"/>
      <c r="J108" s="1013"/>
      <c r="K108" s="1013"/>
      <c r="L108" s="1013"/>
      <c r="M108" s="1013"/>
      <c r="N108" s="1013"/>
      <c r="O108" s="1013"/>
      <c r="P108" s="1013"/>
      <c r="Q108" s="1013"/>
      <c r="R108" s="1013"/>
      <c r="S108" s="1013"/>
      <c r="T108" s="1013"/>
      <c r="U108" s="1013"/>
      <c r="V108" s="1013"/>
      <c r="W108" s="1013"/>
      <c r="X108" s="1013"/>
      <c r="Y108" s="1013"/>
      <c r="Z108" s="1013"/>
      <c r="AA108" s="1013"/>
      <c r="AB108" s="1013"/>
      <c r="AC108" s="1013"/>
      <c r="AD108" s="1013"/>
      <c r="AE108" s="1013"/>
      <c r="AF108" s="1013"/>
      <c r="AG108" s="1013"/>
      <c r="AH108" s="1013"/>
      <c r="AI108" s="1013"/>
      <c r="AJ108" s="1013"/>
      <c r="AK108" s="1013"/>
      <c r="AL108" s="1013"/>
      <c r="AM108" s="1013"/>
      <c r="AN108" s="1013"/>
      <c r="AO108" s="1013"/>
      <c r="AP108" s="1013"/>
      <c r="AQ108" s="1013"/>
      <c r="AR108" s="1013"/>
      <c r="AS108" s="1013"/>
      <c r="AT108" s="1014"/>
      <c r="AU108" s="1012" t="s">
        <v>425</v>
      </c>
      <c r="AV108" s="1013"/>
      <c r="AW108" s="1013"/>
      <c r="AX108" s="1013"/>
      <c r="AY108" s="1013"/>
      <c r="AZ108" s="1013"/>
      <c r="BA108" s="1013"/>
      <c r="BB108" s="1013"/>
      <c r="BC108" s="1013"/>
      <c r="BD108" s="1013"/>
      <c r="BE108" s="1013"/>
      <c r="BF108" s="1013"/>
      <c r="BG108" s="1013"/>
      <c r="BH108" s="1013"/>
      <c r="BI108" s="1013"/>
      <c r="BJ108" s="1013"/>
      <c r="BK108" s="1013"/>
      <c r="BL108" s="1013"/>
      <c r="BM108" s="1013"/>
      <c r="BN108" s="1013"/>
      <c r="BO108" s="1013"/>
      <c r="BP108" s="1013"/>
      <c r="BQ108" s="1013"/>
      <c r="BR108" s="1013"/>
      <c r="BS108" s="1013"/>
      <c r="BT108" s="1013"/>
      <c r="BU108" s="1013"/>
      <c r="BV108" s="1013"/>
      <c r="BW108" s="1013"/>
      <c r="BX108" s="1013"/>
      <c r="BY108" s="1013"/>
      <c r="BZ108" s="1013"/>
      <c r="CA108" s="1013"/>
      <c r="CB108" s="1013"/>
      <c r="CC108" s="1013"/>
      <c r="CD108" s="1013"/>
      <c r="CE108" s="1013"/>
      <c r="CF108" s="1013"/>
      <c r="CG108" s="1013"/>
      <c r="CH108" s="1013"/>
      <c r="CI108" s="1013"/>
      <c r="CJ108" s="1013"/>
      <c r="CK108" s="1013"/>
      <c r="CL108" s="1013"/>
      <c r="CM108" s="1013"/>
      <c r="CN108" s="1013"/>
      <c r="CO108" s="1013"/>
      <c r="CP108" s="1013"/>
      <c r="CQ108" s="1013"/>
      <c r="CR108" s="1013"/>
      <c r="CS108" s="1013"/>
      <c r="CT108" s="1013"/>
      <c r="CU108" s="1013"/>
      <c r="CV108" s="1013"/>
      <c r="CW108" s="1013"/>
      <c r="CX108" s="1013"/>
      <c r="CY108" s="1013"/>
      <c r="CZ108" s="1013"/>
      <c r="DA108" s="1013"/>
      <c r="DB108" s="1013"/>
      <c r="DC108" s="1013"/>
      <c r="DD108" s="1013"/>
      <c r="DE108" s="1013"/>
      <c r="DF108" s="1013"/>
      <c r="DG108" s="1013"/>
      <c r="DH108" s="1013"/>
      <c r="DI108" s="1013"/>
      <c r="DJ108" s="1013"/>
      <c r="DK108" s="1013"/>
      <c r="DL108" s="1013"/>
      <c r="DM108" s="1013"/>
      <c r="DN108" s="1013"/>
      <c r="DO108" s="1013"/>
      <c r="DP108" s="1013"/>
      <c r="DQ108" s="1013"/>
      <c r="DR108" s="1013"/>
      <c r="DS108" s="1013"/>
      <c r="DT108" s="1013"/>
      <c r="DU108" s="1013"/>
      <c r="DV108" s="1013"/>
      <c r="DW108" s="1013"/>
      <c r="DX108" s="1013"/>
      <c r="DY108" s="1013"/>
      <c r="DZ108" s="1014"/>
    </row>
    <row r="109" spans="1:131" s="248" customFormat="1" ht="26.25" customHeight="1" x14ac:dyDescent="0.2">
      <c r="A109" s="1007" t="s">
        <v>426</v>
      </c>
      <c r="B109" s="988"/>
      <c r="C109" s="988"/>
      <c r="D109" s="988"/>
      <c r="E109" s="988"/>
      <c r="F109" s="988"/>
      <c r="G109" s="988"/>
      <c r="H109" s="988"/>
      <c r="I109" s="988"/>
      <c r="J109" s="988"/>
      <c r="K109" s="988"/>
      <c r="L109" s="988"/>
      <c r="M109" s="988"/>
      <c r="N109" s="988"/>
      <c r="O109" s="988"/>
      <c r="P109" s="988"/>
      <c r="Q109" s="988"/>
      <c r="R109" s="988"/>
      <c r="S109" s="988"/>
      <c r="T109" s="988"/>
      <c r="U109" s="988"/>
      <c r="V109" s="988"/>
      <c r="W109" s="988"/>
      <c r="X109" s="988"/>
      <c r="Y109" s="988"/>
      <c r="Z109" s="989"/>
      <c r="AA109" s="987" t="s">
        <v>427</v>
      </c>
      <c r="AB109" s="988"/>
      <c r="AC109" s="988"/>
      <c r="AD109" s="988"/>
      <c r="AE109" s="989"/>
      <c r="AF109" s="987" t="s">
        <v>428</v>
      </c>
      <c r="AG109" s="988"/>
      <c r="AH109" s="988"/>
      <c r="AI109" s="988"/>
      <c r="AJ109" s="989"/>
      <c r="AK109" s="987" t="s">
        <v>303</v>
      </c>
      <c r="AL109" s="988"/>
      <c r="AM109" s="988"/>
      <c r="AN109" s="988"/>
      <c r="AO109" s="989"/>
      <c r="AP109" s="987" t="s">
        <v>429</v>
      </c>
      <c r="AQ109" s="988"/>
      <c r="AR109" s="988"/>
      <c r="AS109" s="988"/>
      <c r="AT109" s="990"/>
      <c r="AU109" s="1007" t="s">
        <v>426</v>
      </c>
      <c r="AV109" s="988"/>
      <c r="AW109" s="988"/>
      <c r="AX109" s="988"/>
      <c r="AY109" s="988"/>
      <c r="AZ109" s="988"/>
      <c r="BA109" s="988"/>
      <c r="BB109" s="988"/>
      <c r="BC109" s="988"/>
      <c r="BD109" s="988"/>
      <c r="BE109" s="988"/>
      <c r="BF109" s="988"/>
      <c r="BG109" s="988"/>
      <c r="BH109" s="988"/>
      <c r="BI109" s="988"/>
      <c r="BJ109" s="988"/>
      <c r="BK109" s="988"/>
      <c r="BL109" s="988"/>
      <c r="BM109" s="988"/>
      <c r="BN109" s="988"/>
      <c r="BO109" s="988"/>
      <c r="BP109" s="989"/>
      <c r="BQ109" s="987" t="s">
        <v>427</v>
      </c>
      <c r="BR109" s="988"/>
      <c r="BS109" s="988"/>
      <c r="BT109" s="988"/>
      <c r="BU109" s="989"/>
      <c r="BV109" s="987" t="s">
        <v>428</v>
      </c>
      <c r="BW109" s="988"/>
      <c r="BX109" s="988"/>
      <c r="BY109" s="988"/>
      <c r="BZ109" s="989"/>
      <c r="CA109" s="987" t="s">
        <v>303</v>
      </c>
      <c r="CB109" s="988"/>
      <c r="CC109" s="988"/>
      <c r="CD109" s="988"/>
      <c r="CE109" s="989"/>
      <c r="CF109" s="1008" t="s">
        <v>429</v>
      </c>
      <c r="CG109" s="1008"/>
      <c r="CH109" s="1008"/>
      <c r="CI109" s="1008"/>
      <c r="CJ109" s="1008"/>
      <c r="CK109" s="987" t="s">
        <v>430</v>
      </c>
      <c r="CL109" s="988"/>
      <c r="CM109" s="988"/>
      <c r="CN109" s="988"/>
      <c r="CO109" s="988"/>
      <c r="CP109" s="988"/>
      <c r="CQ109" s="988"/>
      <c r="CR109" s="988"/>
      <c r="CS109" s="988"/>
      <c r="CT109" s="988"/>
      <c r="CU109" s="988"/>
      <c r="CV109" s="988"/>
      <c r="CW109" s="988"/>
      <c r="CX109" s="988"/>
      <c r="CY109" s="988"/>
      <c r="CZ109" s="988"/>
      <c r="DA109" s="988"/>
      <c r="DB109" s="988"/>
      <c r="DC109" s="988"/>
      <c r="DD109" s="988"/>
      <c r="DE109" s="988"/>
      <c r="DF109" s="989"/>
      <c r="DG109" s="987" t="s">
        <v>427</v>
      </c>
      <c r="DH109" s="988"/>
      <c r="DI109" s="988"/>
      <c r="DJ109" s="988"/>
      <c r="DK109" s="989"/>
      <c r="DL109" s="987" t="s">
        <v>428</v>
      </c>
      <c r="DM109" s="988"/>
      <c r="DN109" s="988"/>
      <c r="DO109" s="988"/>
      <c r="DP109" s="989"/>
      <c r="DQ109" s="987" t="s">
        <v>303</v>
      </c>
      <c r="DR109" s="988"/>
      <c r="DS109" s="988"/>
      <c r="DT109" s="988"/>
      <c r="DU109" s="989"/>
      <c r="DV109" s="987" t="s">
        <v>429</v>
      </c>
      <c r="DW109" s="988"/>
      <c r="DX109" s="988"/>
      <c r="DY109" s="988"/>
      <c r="DZ109" s="990"/>
    </row>
    <row r="110" spans="1:131" s="248" customFormat="1" ht="26.25" customHeight="1" x14ac:dyDescent="0.2">
      <c r="A110" s="991" t="s">
        <v>431</v>
      </c>
      <c r="B110" s="992"/>
      <c r="C110" s="992"/>
      <c r="D110" s="992"/>
      <c r="E110" s="992"/>
      <c r="F110" s="992"/>
      <c r="G110" s="992"/>
      <c r="H110" s="992"/>
      <c r="I110" s="992"/>
      <c r="J110" s="992"/>
      <c r="K110" s="992"/>
      <c r="L110" s="992"/>
      <c r="M110" s="992"/>
      <c r="N110" s="992"/>
      <c r="O110" s="992"/>
      <c r="P110" s="992"/>
      <c r="Q110" s="992"/>
      <c r="R110" s="992"/>
      <c r="S110" s="992"/>
      <c r="T110" s="992"/>
      <c r="U110" s="992"/>
      <c r="V110" s="992"/>
      <c r="W110" s="992"/>
      <c r="X110" s="992"/>
      <c r="Y110" s="992"/>
      <c r="Z110" s="993"/>
      <c r="AA110" s="994">
        <v>1956990</v>
      </c>
      <c r="AB110" s="995"/>
      <c r="AC110" s="995"/>
      <c r="AD110" s="995"/>
      <c r="AE110" s="996"/>
      <c r="AF110" s="997">
        <v>2009220</v>
      </c>
      <c r="AG110" s="995"/>
      <c r="AH110" s="995"/>
      <c r="AI110" s="995"/>
      <c r="AJ110" s="996"/>
      <c r="AK110" s="997">
        <v>2017940</v>
      </c>
      <c r="AL110" s="995"/>
      <c r="AM110" s="995"/>
      <c r="AN110" s="995"/>
      <c r="AO110" s="996"/>
      <c r="AP110" s="998">
        <v>13.8</v>
      </c>
      <c r="AQ110" s="999"/>
      <c r="AR110" s="999"/>
      <c r="AS110" s="999"/>
      <c r="AT110" s="1000"/>
      <c r="AU110" s="1001" t="s">
        <v>73</v>
      </c>
      <c r="AV110" s="1002"/>
      <c r="AW110" s="1002"/>
      <c r="AX110" s="1002"/>
      <c r="AY110" s="1002"/>
      <c r="AZ110" s="1041" t="s">
        <v>432</v>
      </c>
      <c r="BA110" s="992"/>
      <c r="BB110" s="992"/>
      <c r="BC110" s="992"/>
      <c r="BD110" s="992"/>
      <c r="BE110" s="992"/>
      <c r="BF110" s="992"/>
      <c r="BG110" s="992"/>
      <c r="BH110" s="992"/>
      <c r="BI110" s="992"/>
      <c r="BJ110" s="992"/>
      <c r="BK110" s="992"/>
      <c r="BL110" s="992"/>
      <c r="BM110" s="992"/>
      <c r="BN110" s="992"/>
      <c r="BO110" s="992"/>
      <c r="BP110" s="993"/>
      <c r="BQ110" s="1027">
        <v>16694216</v>
      </c>
      <c r="BR110" s="1028"/>
      <c r="BS110" s="1028"/>
      <c r="BT110" s="1028"/>
      <c r="BU110" s="1028"/>
      <c r="BV110" s="1028">
        <v>16800659</v>
      </c>
      <c r="BW110" s="1028"/>
      <c r="BX110" s="1028"/>
      <c r="BY110" s="1028"/>
      <c r="BZ110" s="1028"/>
      <c r="CA110" s="1028">
        <v>15880586</v>
      </c>
      <c r="CB110" s="1028"/>
      <c r="CC110" s="1028"/>
      <c r="CD110" s="1028"/>
      <c r="CE110" s="1028"/>
      <c r="CF110" s="1042">
        <v>108.5</v>
      </c>
      <c r="CG110" s="1043"/>
      <c r="CH110" s="1043"/>
      <c r="CI110" s="1043"/>
      <c r="CJ110" s="1043"/>
      <c r="CK110" s="1044" t="s">
        <v>433</v>
      </c>
      <c r="CL110" s="1045"/>
      <c r="CM110" s="1024" t="s">
        <v>434</v>
      </c>
      <c r="CN110" s="1025"/>
      <c r="CO110" s="1025"/>
      <c r="CP110" s="1025"/>
      <c r="CQ110" s="1025"/>
      <c r="CR110" s="1025"/>
      <c r="CS110" s="1025"/>
      <c r="CT110" s="1025"/>
      <c r="CU110" s="1025"/>
      <c r="CV110" s="1025"/>
      <c r="CW110" s="1025"/>
      <c r="CX110" s="1025"/>
      <c r="CY110" s="1025"/>
      <c r="CZ110" s="1025"/>
      <c r="DA110" s="1025"/>
      <c r="DB110" s="1025"/>
      <c r="DC110" s="1025"/>
      <c r="DD110" s="1025"/>
      <c r="DE110" s="1025"/>
      <c r="DF110" s="1026"/>
      <c r="DG110" s="1027" t="s">
        <v>128</v>
      </c>
      <c r="DH110" s="1028"/>
      <c r="DI110" s="1028"/>
      <c r="DJ110" s="1028"/>
      <c r="DK110" s="1028"/>
      <c r="DL110" s="1028" t="s">
        <v>128</v>
      </c>
      <c r="DM110" s="1028"/>
      <c r="DN110" s="1028"/>
      <c r="DO110" s="1028"/>
      <c r="DP110" s="1028"/>
      <c r="DQ110" s="1028" t="s">
        <v>128</v>
      </c>
      <c r="DR110" s="1028"/>
      <c r="DS110" s="1028"/>
      <c r="DT110" s="1028"/>
      <c r="DU110" s="1028"/>
      <c r="DV110" s="1029" t="s">
        <v>128</v>
      </c>
      <c r="DW110" s="1029"/>
      <c r="DX110" s="1029"/>
      <c r="DY110" s="1029"/>
      <c r="DZ110" s="1030"/>
    </row>
    <row r="111" spans="1:131" s="248" customFormat="1" ht="26.25" customHeight="1" x14ac:dyDescent="0.2">
      <c r="A111" s="1031" t="s">
        <v>435</v>
      </c>
      <c r="B111" s="1032"/>
      <c r="C111" s="1032"/>
      <c r="D111" s="1032"/>
      <c r="E111" s="1032"/>
      <c r="F111" s="1032"/>
      <c r="G111" s="1032"/>
      <c r="H111" s="1032"/>
      <c r="I111" s="1032"/>
      <c r="J111" s="1032"/>
      <c r="K111" s="1032"/>
      <c r="L111" s="1032"/>
      <c r="M111" s="1032"/>
      <c r="N111" s="1032"/>
      <c r="O111" s="1032"/>
      <c r="P111" s="1032"/>
      <c r="Q111" s="1032"/>
      <c r="R111" s="1032"/>
      <c r="S111" s="1032"/>
      <c r="T111" s="1032"/>
      <c r="U111" s="1032"/>
      <c r="V111" s="1032"/>
      <c r="W111" s="1032"/>
      <c r="X111" s="1032"/>
      <c r="Y111" s="1032"/>
      <c r="Z111" s="1033"/>
      <c r="AA111" s="1034" t="s">
        <v>128</v>
      </c>
      <c r="AB111" s="1035"/>
      <c r="AC111" s="1035"/>
      <c r="AD111" s="1035"/>
      <c r="AE111" s="1036"/>
      <c r="AF111" s="1037" t="s">
        <v>128</v>
      </c>
      <c r="AG111" s="1035"/>
      <c r="AH111" s="1035"/>
      <c r="AI111" s="1035"/>
      <c r="AJ111" s="1036"/>
      <c r="AK111" s="1037" t="s">
        <v>128</v>
      </c>
      <c r="AL111" s="1035"/>
      <c r="AM111" s="1035"/>
      <c r="AN111" s="1035"/>
      <c r="AO111" s="1036"/>
      <c r="AP111" s="1038" t="s">
        <v>128</v>
      </c>
      <c r="AQ111" s="1039"/>
      <c r="AR111" s="1039"/>
      <c r="AS111" s="1039"/>
      <c r="AT111" s="1040"/>
      <c r="AU111" s="1003"/>
      <c r="AV111" s="1004"/>
      <c r="AW111" s="1004"/>
      <c r="AX111" s="1004"/>
      <c r="AY111" s="1004"/>
      <c r="AZ111" s="1050" t="s">
        <v>436</v>
      </c>
      <c r="BA111" s="1051"/>
      <c r="BB111" s="1051"/>
      <c r="BC111" s="1051"/>
      <c r="BD111" s="1051"/>
      <c r="BE111" s="1051"/>
      <c r="BF111" s="1051"/>
      <c r="BG111" s="1051"/>
      <c r="BH111" s="1051"/>
      <c r="BI111" s="1051"/>
      <c r="BJ111" s="1051"/>
      <c r="BK111" s="1051"/>
      <c r="BL111" s="1051"/>
      <c r="BM111" s="1051"/>
      <c r="BN111" s="1051"/>
      <c r="BO111" s="1051"/>
      <c r="BP111" s="1052"/>
      <c r="BQ111" s="1020">
        <v>590728</v>
      </c>
      <c r="BR111" s="1021"/>
      <c r="BS111" s="1021"/>
      <c r="BT111" s="1021"/>
      <c r="BU111" s="1021"/>
      <c r="BV111" s="1021">
        <v>419681</v>
      </c>
      <c r="BW111" s="1021"/>
      <c r="BX111" s="1021"/>
      <c r="BY111" s="1021"/>
      <c r="BZ111" s="1021"/>
      <c r="CA111" s="1021">
        <v>451958</v>
      </c>
      <c r="CB111" s="1021"/>
      <c r="CC111" s="1021"/>
      <c r="CD111" s="1021"/>
      <c r="CE111" s="1021"/>
      <c r="CF111" s="1015">
        <v>3.1</v>
      </c>
      <c r="CG111" s="1016"/>
      <c r="CH111" s="1016"/>
      <c r="CI111" s="1016"/>
      <c r="CJ111" s="1016"/>
      <c r="CK111" s="1046"/>
      <c r="CL111" s="1047"/>
      <c r="CM111" s="1017" t="s">
        <v>437</v>
      </c>
      <c r="CN111" s="1018"/>
      <c r="CO111" s="1018"/>
      <c r="CP111" s="1018"/>
      <c r="CQ111" s="1018"/>
      <c r="CR111" s="1018"/>
      <c r="CS111" s="1018"/>
      <c r="CT111" s="1018"/>
      <c r="CU111" s="1018"/>
      <c r="CV111" s="1018"/>
      <c r="CW111" s="1018"/>
      <c r="CX111" s="1018"/>
      <c r="CY111" s="1018"/>
      <c r="CZ111" s="1018"/>
      <c r="DA111" s="1018"/>
      <c r="DB111" s="1018"/>
      <c r="DC111" s="1018"/>
      <c r="DD111" s="1018"/>
      <c r="DE111" s="1018"/>
      <c r="DF111" s="1019"/>
      <c r="DG111" s="1020" t="s">
        <v>128</v>
      </c>
      <c r="DH111" s="1021"/>
      <c r="DI111" s="1021"/>
      <c r="DJ111" s="1021"/>
      <c r="DK111" s="1021"/>
      <c r="DL111" s="1021" t="s">
        <v>128</v>
      </c>
      <c r="DM111" s="1021"/>
      <c r="DN111" s="1021"/>
      <c r="DO111" s="1021"/>
      <c r="DP111" s="1021"/>
      <c r="DQ111" s="1021" t="s">
        <v>128</v>
      </c>
      <c r="DR111" s="1021"/>
      <c r="DS111" s="1021"/>
      <c r="DT111" s="1021"/>
      <c r="DU111" s="1021"/>
      <c r="DV111" s="1022" t="s">
        <v>128</v>
      </c>
      <c r="DW111" s="1022"/>
      <c r="DX111" s="1022"/>
      <c r="DY111" s="1022"/>
      <c r="DZ111" s="1023"/>
    </row>
    <row r="112" spans="1:131" s="248" customFormat="1" ht="26.25" customHeight="1" x14ac:dyDescent="0.2">
      <c r="A112" s="1053" t="s">
        <v>438</v>
      </c>
      <c r="B112" s="1054"/>
      <c r="C112" s="1051" t="s">
        <v>439</v>
      </c>
      <c r="D112" s="1051"/>
      <c r="E112" s="1051"/>
      <c r="F112" s="1051"/>
      <c r="G112" s="1051"/>
      <c r="H112" s="1051"/>
      <c r="I112" s="1051"/>
      <c r="J112" s="1051"/>
      <c r="K112" s="1051"/>
      <c r="L112" s="1051"/>
      <c r="M112" s="1051"/>
      <c r="N112" s="1051"/>
      <c r="O112" s="1051"/>
      <c r="P112" s="1051"/>
      <c r="Q112" s="1051"/>
      <c r="R112" s="1051"/>
      <c r="S112" s="1051"/>
      <c r="T112" s="1051"/>
      <c r="U112" s="1051"/>
      <c r="V112" s="1051"/>
      <c r="W112" s="1051"/>
      <c r="X112" s="1051"/>
      <c r="Y112" s="1051"/>
      <c r="Z112" s="1052"/>
      <c r="AA112" s="1059" t="s">
        <v>440</v>
      </c>
      <c r="AB112" s="1060"/>
      <c r="AC112" s="1060"/>
      <c r="AD112" s="1060"/>
      <c r="AE112" s="1061"/>
      <c r="AF112" s="1062" t="s">
        <v>440</v>
      </c>
      <c r="AG112" s="1060"/>
      <c r="AH112" s="1060"/>
      <c r="AI112" s="1060"/>
      <c r="AJ112" s="1061"/>
      <c r="AK112" s="1062" t="s">
        <v>440</v>
      </c>
      <c r="AL112" s="1060"/>
      <c r="AM112" s="1060"/>
      <c r="AN112" s="1060"/>
      <c r="AO112" s="1061"/>
      <c r="AP112" s="1063" t="s">
        <v>440</v>
      </c>
      <c r="AQ112" s="1064"/>
      <c r="AR112" s="1064"/>
      <c r="AS112" s="1064"/>
      <c r="AT112" s="1065"/>
      <c r="AU112" s="1003"/>
      <c r="AV112" s="1004"/>
      <c r="AW112" s="1004"/>
      <c r="AX112" s="1004"/>
      <c r="AY112" s="1004"/>
      <c r="AZ112" s="1050" t="s">
        <v>441</v>
      </c>
      <c r="BA112" s="1051"/>
      <c r="BB112" s="1051"/>
      <c r="BC112" s="1051"/>
      <c r="BD112" s="1051"/>
      <c r="BE112" s="1051"/>
      <c r="BF112" s="1051"/>
      <c r="BG112" s="1051"/>
      <c r="BH112" s="1051"/>
      <c r="BI112" s="1051"/>
      <c r="BJ112" s="1051"/>
      <c r="BK112" s="1051"/>
      <c r="BL112" s="1051"/>
      <c r="BM112" s="1051"/>
      <c r="BN112" s="1051"/>
      <c r="BO112" s="1051"/>
      <c r="BP112" s="1052"/>
      <c r="BQ112" s="1020">
        <v>8745441</v>
      </c>
      <c r="BR112" s="1021"/>
      <c r="BS112" s="1021"/>
      <c r="BT112" s="1021"/>
      <c r="BU112" s="1021"/>
      <c r="BV112" s="1021">
        <v>8062442</v>
      </c>
      <c r="BW112" s="1021"/>
      <c r="BX112" s="1021"/>
      <c r="BY112" s="1021"/>
      <c r="BZ112" s="1021"/>
      <c r="CA112" s="1021">
        <v>6176579</v>
      </c>
      <c r="CB112" s="1021"/>
      <c r="CC112" s="1021"/>
      <c r="CD112" s="1021"/>
      <c r="CE112" s="1021"/>
      <c r="CF112" s="1015">
        <v>42.2</v>
      </c>
      <c r="CG112" s="1016"/>
      <c r="CH112" s="1016"/>
      <c r="CI112" s="1016"/>
      <c r="CJ112" s="1016"/>
      <c r="CK112" s="1046"/>
      <c r="CL112" s="1047"/>
      <c r="CM112" s="1017" t="s">
        <v>442</v>
      </c>
      <c r="CN112" s="1018"/>
      <c r="CO112" s="1018"/>
      <c r="CP112" s="1018"/>
      <c r="CQ112" s="1018"/>
      <c r="CR112" s="1018"/>
      <c r="CS112" s="1018"/>
      <c r="CT112" s="1018"/>
      <c r="CU112" s="1018"/>
      <c r="CV112" s="1018"/>
      <c r="CW112" s="1018"/>
      <c r="CX112" s="1018"/>
      <c r="CY112" s="1018"/>
      <c r="CZ112" s="1018"/>
      <c r="DA112" s="1018"/>
      <c r="DB112" s="1018"/>
      <c r="DC112" s="1018"/>
      <c r="DD112" s="1018"/>
      <c r="DE112" s="1018"/>
      <c r="DF112" s="1019"/>
      <c r="DG112" s="1020" t="s">
        <v>440</v>
      </c>
      <c r="DH112" s="1021"/>
      <c r="DI112" s="1021"/>
      <c r="DJ112" s="1021"/>
      <c r="DK112" s="1021"/>
      <c r="DL112" s="1021" t="s">
        <v>440</v>
      </c>
      <c r="DM112" s="1021"/>
      <c r="DN112" s="1021"/>
      <c r="DO112" s="1021"/>
      <c r="DP112" s="1021"/>
      <c r="DQ112" s="1021" t="s">
        <v>440</v>
      </c>
      <c r="DR112" s="1021"/>
      <c r="DS112" s="1021"/>
      <c r="DT112" s="1021"/>
      <c r="DU112" s="1021"/>
      <c r="DV112" s="1022" t="s">
        <v>128</v>
      </c>
      <c r="DW112" s="1022"/>
      <c r="DX112" s="1022"/>
      <c r="DY112" s="1022"/>
      <c r="DZ112" s="1023"/>
    </row>
    <row r="113" spans="1:130" s="248" customFormat="1" ht="26.25" customHeight="1" x14ac:dyDescent="0.2">
      <c r="A113" s="1055"/>
      <c r="B113" s="1056"/>
      <c r="C113" s="1051" t="s">
        <v>443</v>
      </c>
      <c r="D113" s="1051"/>
      <c r="E113" s="1051"/>
      <c r="F113" s="1051"/>
      <c r="G113" s="1051"/>
      <c r="H113" s="1051"/>
      <c r="I113" s="1051"/>
      <c r="J113" s="1051"/>
      <c r="K113" s="1051"/>
      <c r="L113" s="1051"/>
      <c r="M113" s="1051"/>
      <c r="N113" s="1051"/>
      <c r="O113" s="1051"/>
      <c r="P113" s="1051"/>
      <c r="Q113" s="1051"/>
      <c r="R113" s="1051"/>
      <c r="S113" s="1051"/>
      <c r="T113" s="1051"/>
      <c r="U113" s="1051"/>
      <c r="V113" s="1051"/>
      <c r="W113" s="1051"/>
      <c r="X113" s="1051"/>
      <c r="Y113" s="1051"/>
      <c r="Z113" s="1052"/>
      <c r="AA113" s="1034">
        <v>1201514</v>
      </c>
      <c r="AB113" s="1035"/>
      <c r="AC113" s="1035"/>
      <c r="AD113" s="1035"/>
      <c r="AE113" s="1036"/>
      <c r="AF113" s="1037">
        <v>1166179</v>
      </c>
      <c r="AG113" s="1035"/>
      <c r="AH113" s="1035"/>
      <c r="AI113" s="1035"/>
      <c r="AJ113" s="1036"/>
      <c r="AK113" s="1037">
        <v>680927</v>
      </c>
      <c r="AL113" s="1035"/>
      <c r="AM113" s="1035"/>
      <c r="AN113" s="1035"/>
      <c r="AO113" s="1036"/>
      <c r="AP113" s="1038">
        <v>4.7</v>
      </c>
      <c r="AQ113" s="1039"/>
      <c r="AR113" s="1039"/>
      <c r="AS113" s="1039"/>
      <c r="AT113" s="1040"/>
      <c r="AU113" s="1003"/>
      <c r="AV113" s="1004"/>
      <c r="AW113" s="1004"/>
      <c r="AX113" s="1004"/>
      <c r="AY113" s="1004"/>
      <c r="AZ113" s="1050" t="s">
        <v>444</v>
      </c>
      <c r="BA113" s="1051"/>
      <c r="BB113" s="1051"/>
      <c r="BC113" s="1051"/>
      <c r="BD113" s="1051"/>
      <c r="BE113" s="1051"/>
      <c r="BF113" s="1051"/>
      <c r="BG113" s="1051"/>
      <c r="BH113" s="1051"/>
      <c r="BI113" s="1051"/>
      <c r="BJ113" s="1051"/>
      <c r="BK113" s="1051"/>
      <c r="BL113" s="1051"/>
      <c r="BM113" s="1051"/>
      <c r="BN113" s="1051"/>
      <c r="BO113" s="1051"/>
      <c r="BP113" s="1052"/>
      <c r="BQ113" s="1020">
        <v>3478757</v>
      </c>
      <c r="BR113" s="1021"/>
      <c r="BS113" s="1021"/>
      <c r="BT113" s="1021"/>
      <c r="BU113" s="1021"/>
      <c r="BV113" s="1021">
        <v>3484192</v>
      </c>
      <c r="BW113" s="1021"/>
      <c r="BX113" s="1021"/>
      <c r="BY113" s="1021"/>
      <c r="BZ113" s="1021"/>
      <c r="CA113" s="1021">
        <v>3460076</v>
      </c>
      <c r="CB113" s="1021"/>
      <c r="CC113" s="1021"/>
      <c r="CD113" s="1021"/>
      <c r="CE113" s="1021"/>
      <c r="CF113" s="1015">
        <v>23.6</v>
      </c>
      <c r="CG113" s="1016"/>
      <c r="CH113" s="1016"/>
      <c r="CI113" s="1016"/>
      <c r="CJ113" s="1016"/>
      <c r="CK113" s="1046"/>
      <c r="CL113" s="1047"/>
      <c r="CM113" s="1017" t="s">
        <v>445</v>
      </c>
      <c r="CN113" s="1018"/>
      <c r="CO113" s="1018"/>
      <c r="CP113" s="1018"/>
      <c r="CQ113" s="1018"/>
      <c r="CR113" s="1018"/>
      <c r="CS113" s="1018"/>
      <c r="CT113" s="1018"/>
      <c r="CU113" s="1018"/>
      <c r="CV113" s="1018"/>
      <c r="CW113" s="1018"/>
      <c r="CX113" s="1018"/>
      <c r="CY113" s="1018"/>
      <c r="CZ113" s="1018"/>
      <c r="DA113" s="1018"/>
      <c r="DB113" s="1018"/>
      <c r="DC113" s="1018"/>
      <c r="DD113" s="1018"/>
      <c r="DE113" s="1018"/>
      <c r="DF113" s="1019"/>
      <c r="DG113" s="1059" t="s">
        <v>128</v>
      </c>
      <c r="DH113" s="1060"/>
      <c r="DI113" s="1060"/>
      <c r="DJ113" s="1060"/>
      <c r="DK113" s="1061"/>
      <c r="DL113" s="1062" t="s">
        <v>128</v>
      </c>
      <c r="DM113" s="1060"/>
      <c r="DN113" s="1060"/>
      <c r="DO113" s="1060"/>
      <c r="DP113" s="1061"/>
      <c r="DQ113" s="1062" t="s">
        <v>128</v>
      </c>
      <c r="DR113" s="1060"/>
      <c r="DS113" s="1060"/>
      <c r="DT113" s="1060"/>
      <c r="DU113" s="1061"/>
      <c r="DV113" s="1063" t="s">
        <v>128</v>
      </c>
      <c r="DW113" s="1064"/>
      <c r="DX113" s="1064"/>
      <c r="DY113" s="1064"/>
      <c r="DZ113" s="1065"/>
    </row>
    <row r="114" spans="1:130" s="248" customFormat="1" ht="26.25" customHeight="1" x14ac:dyDescent="0.2">
      <c r="A114" s="1055"/>
      <c r="B114" s="1056"/>
      <c r="C114" s="1051" t="s">
        <v>446</v>
      </c>
      <c r="D114" s="1051"/>
      <c r="E114" s="1051"/>
      <c r="F114" s="1051"/>
      <c r="G114" s="1051"/>
      <c r="H114" s="1051"/>
      <c r="I114" s="1051"/>
      <c r="J114" s="1051"/>
      <c r="K114" s="1051"/>
      <c r="L114" s="1051"/>
      <c r="M114" s="1051"/>
      <c r="N114" s="1051"/>
      <c r="O114" s="1051"/>
      <c r="P114" s="1051"/>
      <c r="Q114" s="1051"/>
      <c r="R114" s="1051"/>
      <c r="S114" s="1051"/>
      <c r="T114" s="1051"/>
      <c r="U114" s="1051"/>
      <c r="V114" s="1051"/>
      <c r="W114" s="1051"/>
      <c r="X114" s="1051"/>
      <c r="Y114" s="1051"/>
      <c r="Z114" s="1052"/>
      <c r="AA114" s="1059">
        <v>19455</v>
      </c>
      <c r="AB114" s="1060"/>
      <c r="AC114" s="1060"/>
      <c r="AD114" s="1060"/>
      <c r="AE114" s="1061"/>
      <c r="AF114" s="1062">
        <v>45485</v>
      </c>
      <c r="AG114" s="1060"/>
      <c r="AH114" s="1060"/>
      <c r="AI114" s="1060"/>
      <c r="AJ114" s="1061"/>
      <c r="AK114" s="1062">
        <v>97217</v>
      </c>
      <c r="AL114" s="1060"/>
      <c r="AM114" s="1060"/>
      <c r="AN114" s="1060"/>
      <c r="AO114" s="1061"/>
      <c r="AP114" s="1063">
        <v>0.7</v>
      </c>
      <c r="AQ114" s="1064"/>
      <c r="AR114" s="1064"/>
      <c r="AS114" s="1064"/>
      <c r="AT114" s="1065"/>
      <c r="AU114" s="1003"/>
      <c r="AV114" s="1004"/>
      <c r="AW114" s="1004"/>
      <c r="AX114" s="1004"/>
      <c r="AY114" s="1004"/>
      <c r="AZ114" s="1050" t="s">
        <v>447</v>
      </c>
      <c r="BA114" s="1051"/>
      <c r="BB114" s="1051"/>
      <c r="BC114" s="1051"/>
      <c r="BD114" s="1051"/>
      <c r="BE114" s="1051"/>
      <c r="BF114" s="1051"/>
      <c r="BG114" s="1051"/>
      <c r="BH114" s="1051"/>
      <c r="BI114" s="1051"/>
      <c r="BJ114" s="1051"/>
      <c r="BK114" s="1051"/>
      <c r="BL114" s="1051"/>
      <c r="BM114" s="1051"/>
      <c r="BN114" s="1051"/>
      <c r="BO114" s="1051"/>
      <c r="BP114" s="1052"/>
      <c r="BQ114" s="1020">
        <v>5148253</v>
      </c>
      <c r="BR114" s="1021"/>
      <c r="BS114" s="1021"/>
      <c r="BT114" s="1021"/>
      <c r="BU114" s="1021"/>
      <c r="BV114" s="1021">
        <v>5024656</v>
      </c>
      <c r="BW114" s="1021"/>
      <c r="BX114" s="1021"/>
      <c r="BY114" s="1021"/>
      <c r="BZ114" s="1021"/>
      <c r="CA114" s="1021">
        <v>4949031</v>
      </c>
      <c r="CB114" s="1021"/>
      <c r="CC114" s="1021"/>
      <c r="CD114" s="1021"/>
      <c r="CE114" s="1021"/>
      <c r="CF114" s="1015">
        <v>33.799999999999997</v>
      </c>
      <c r="CG114" s="1016"/>
      <c r="CH114" s="1016"/>
      <c r="CI114" s="1016"/>
      <c r="CJ114" s="1016"/>
      <c r="CK114" s="1046"/>
      <c r="CL114" s="1047"/>
      <c r="CM114" s="1017" t="s">
        <v>448</v>
      </c>
      <c r="CN114" s="1018"/>
      <c r="CO114" s="1018"/>
      <c r="CP114" s="1018"/>
      <c r="CQ114" s="1018"/>
      <c r="CR114" s="1018"/>
      <c r="CS114" s="1018"/>
      <c r="CT114" s="1018"/>
      <c r="CU114" s="1018"/>
      <c r="CV114" s="1018"/>
      <c r="CW114" s="1018"/>
      <c r="CX114" s="1018"/>
      <c r="CY114" s="1018"/>
      <c r="CZ114" s="1018"/>
      <c r="DA114" s="1018"/>
      <c r="DB114" s="1018"/>
      <c r="DC114" s="1018"/>
      <c r="DD114" s="1018"/>
      <c r="DE114" s="1018"/>
      <c r="DF114" s="1019"/>
      <c r="DG114" s="1059" t="s">
        <v>128</v>
      </c>
      <c r="DH114" s="1060"/>
      <c r="DI114" s="1060"/>
      <c r="DJ114" s="1060"/>
      <c r="DK114" s="1061"/>
      <c r="DL114" s="1062" t="s">
        <v>440</v>
      </c>
      <c r="DM114" s="1060"/>
      <c r="DN114" s="1060"/>
      <c r="DO114" s="1060"/>
      <c r="DP114" s="1061"/>
      <c r="DQ114" s="1062" t="s">
        <v>440</v>
      </c>
      <c r="DR114" s="1060"/>
      <c r="DS114" s="1060"/>
      <c r="DT114" s="1060"/>
      <c r="DU114" s="1061"/>
      <c r="DV114" s="1063" t="s">
        <v>440</v>
      </c>
      <c r="DW114" s="1064"/>
      <c r="DX114" s="1064"/>
      <c r="DY114" s="1064"/>
      <c r="DZ114" s="1065"/>
    </row>
    <row r="115" spans="1:130" s="248" customFormat="1" ht="26.25" customHeight="1" x14ac:dyDescent="0.2">
      <c r="A115" s="1055"/>
      <c r="B115" s="1056"/>
      <c r="C115" s="1051" t="s">
        <v>449</v>
      </c>
      <c r="D115" s="1051"/>
      <c r="E115" s="1051"/>
      <c r="F115" s="1051"/>
      <c r="G115" s="1051"/>
      <c r="H115" s="1051"/>
      <c r="I115" s="1051"/>
      <c r="J115" s="1051"/>
      <c r="K115" s="1051"/>
      <c r="L115" s="1051"/>
      <c r="M115" s="1051"/>
      <c r="N115" s="1051"/>
      <c r="O115" s="1051"/>
      <c r="P115" s="1051"/>
      <c r="Q115" s="1051"/>
      <c r="R115" s="1051"/>
      <c r="S115" s="1051"/>
      <c r="T115" s="1051"/>
      <c r="U115" s="1051"/>
      <c r="V115" s="1051"/>
      <c r="W115" s="1051"/>
      <c r="X115" s="1051"/>
      <c r="Y115" s="1051"/>
      <c r="Z115" s="1052"/>
      <c r="AA115" s="1034">
        <v>159414</v>
      </c>
      <c r="AB115" s="1035"/>
      <c r="AC115" s="1035"/>
      <c r="AD115" s="1035"/>
      <c r="AE115" s="1036"/>
      <c r="AF115" s="1037">
        <v>2528</v>
      </c>
      <c r="AG115" s="1035"/>
      <c r="AH115" s="1035"/>
      <c r="AI115" s="1035"/>
      <c r="AJ115" s="1036"/>
      <c r="AK115" s="1037">
        <v>332982</v>
      </c>
      <c r="AL115" s="1035"/>
      <c r="AM115" s="1035"/>
      <c r="AN115" s="1035"/>
      <c r="AO115" s="1036"/>
      <c r="AP115" s="1038">
        <v>2.2999999999999998</v>
      </c>
      <c r="AQ115" s="1039"/>
      <c r="AR115" s="1039"/>
      <c r="AS115" s="1039"/>
      <c r="AT115" s="1040"/>
      <c r="AU115" s="1003"/>
      <c r="AV115" s="1004"/>
      <c r="AW115" s="1004"/>
      <c r="AX115" s="1004"/>
      <c r="AY115" s="1004"/>
      <c r="AZ115" s="1050" t="s">
        <v>450</v>
      </c>
      <c r="BA115" s="1051"/>
      <c r="BB115" s="1051"/>
      <c r="BC115" s="1051"/>
      <c r="BD115" s="1051"/>
      <c r="BE115" s="1051"/>
      <c r="BF115" s="1051"/>
      <c r="BG115" s="1051"/>
      <c r="BH115" s="1051"/>
      <c r="BI115" s="1051"/>
      <c r="BJ115" s="1051"/>
      <c r="BK115" s="1051"/>
      <c r="BL115" s="1051"/>
      <c r="BM115" s="1051"/>
      <c r="BN115" s="1051"/>
      <c r="BO115" s="1051"/>
      <c r="BP115" s="1052"/>
      <c r="BQ115" s="1020" t="s">
        <v>440</v>
      </c>
      <c r="BR115" s="1021"/>
      <c r="BS115" s="1021"/>
      <c r="BT115" s="1021"/>
      <c r="BU115" s="1021"/>
      <c r="BV115" s="1021" t="s">
        <v>128</v>
      </c>
      <c r="BW115" s="1021"/>
      <c r="BX115" s="1021"/>
      <c r="BY115" s="1021"/>
      <c r="BZ115" s="1021"/>
      <c r="CA115" s="1021" t="s">
        <v>128</v>
      </c>
      <c r="CB115" s="1021"/>
      <c r="CC115" s="1021"/>
      <c r="CD115" s="1021"/>
      <c r="CE115" s="1021"/>
      <c r="CF115" s="1015" t="s">
        <v>128</v>
      </c>
      <c r="CG115" s="1016"/>
      <c r="CH115" s="1016"/>
      <c r="CI115" s="1016"/>
      <c r="CJ115" s="1016"/>
      <c r="CK115" s="1046"/>
      <c r="CL115" s="1047"/>
      <c r="CM115" s="1050" t="s">
        <v>451</v>
      </c>
      <c r="CN115" s="1071"/>
      <c r="CO115" s="1071"/>
      <c r="CP115" s="1071"/>
      <c r="CQ115" s="1071"/>
      <c r="CR115" s="1071"/>
      <c r="CS115" s="1071"/>
      <c r="CT115" s="1071"/>
      <c r="CU115" s="1071"/>
      <c r="CV115" s="1071"/>
      <c r="CW115" s="1071"/>
      <c r="CX115" s="1071"/>
      <c r="CY115" s="1071"/>
      <c r="CZ115" s="1071"/>
      <c r="DA115" s="1071"/>
      <c r="DB115" s="1071"/>
      <c r="DC115" s="1071"/>
      <c r="DD115" s="1071"/>
      <c r="DE115" s="1071"/>
      <c r="DF115" s="1052"/>
      <c r="DG115" s="1059">
        <v>590728</v>
      </c>
      <c r="DH115" s="1060"/>
      <c r="DI115" s="1060"/>
      <c r="DJ115" s="1060"/>
      <c r="DK115" s="1061"/>
      <c r="DL115" s="1062">
        <v>419681</v>
      </c>
      <c r="DM115" s="1060"/>
      <c r="DN115" s="1060"/>
      <c r="DO115" s="1060"/>
      <c r="DP115" s="1061"/>
      <c r="DQ115" s="1062">
        <v>451958</v>
      </c>
      <c r="DR115" s="1060"/>
      <c r="DS115" s="1060"/>
      <c r="DT115" s="1060"/>
      <c r="DU115" s="1061"/>
      <c r="DV115" s="1063">
        <v>3.1</v>
      </c>
      <c r="DW115" s="1064"/>
      <c r="DX115" s="1064"/>
      <c r="DY115" s="1064"/>
      <c r="DZ115" s="1065"/>
    </row>
    <row r="116" spans="1:130" s="248" customFormat="1" ht="26.25" customHeight="1" x14ac:dyDescent="0.2">
      <c r="A116" s="1057"/>
      <c r="B116" s="1058"/>
      <c r="C116" s="1066" t="s">
        <v>452</v>
      </c>
      <c r="D116" s="1066"/>
      <c r="E116" s="1066"/>
      <c r="F116" s="1066"/>
      <c r="G116" s="1066"/>
      <c r="H116" s="1066"/>
      <c r="I116" s="1066"/>
      <c r="J116" s="1066"/>
      <c r="K116" s="1066"/>
      <c r="L116" s="1066"/>
      <c r="M116" s="1066"/>
      <c r="N116" s="1066"/>
      <c r="O116" s="1066"/>
      <c r="P116" s="1066"/>
      <c r="Q116" s="1066"/>
      <c r="R116" s="1066"/>
      <c r="S116" s="1066"/>
      <c r="T116" s="1066"/>
      <c r="U116" s="1066"/>
      <c r="V116" s="1066"/>
      <c r="W116" s="1066"/>
      <c r="X116" s="1066"/>
      <c r="Y116" s="1066"/>
      <c r="Z116" s="1067"/>
      <c r="AA116" s="1059" t="s">
        <v>128</v>
      </c>
      <c r="AB116" s="1060"/>
      <c r="AC116" s="1060"/>
      <c r="AD116" s="1060"/>
      <c r="AE116" s="1061"/>
      <c r="AF116" s="1062" t="s">
        <v>128</v>
      </c>
      <c r="AG116" s="1060"/>
      <c r="AH116" s="1060"/>
      <c r="AI116" s="1060"/>
      <c r="AJ116" s="1061"/>
      <c r="AK116" s="1062" t="s">
        <v>128</v>
      </c>
      <c r="AL116" s="1060"/>
      <c r="AM116" s="1060"/>
      <c r="AN116" s="1060"/>
      <c r="AO116" s="1061"/>
      <c r="AP116" s="1063" t="s">
        <v>128</v>
      </c>
      <c r="AQ116" s="1064"/>
      <c r="AR116" s="1064"/>
      <c r="AS116" s="1064"/>
      <c r="AT116" s="1065"/>
      <c r="AU116" s="1003"/>
      <c r="AV116" s="1004"/>
      <c r="AW116" s="1004"/>
      <c r="AX116" s="1004"/>
      <c r="AY116" s="1004"/>
      <c r="AZ116" s="1068" t="s">
        <v>453</v>
      </c>
      <c r="BA116" s="1069"/>
      <c r="BB116" s="1069"/>
      <c r="BC116" s="1069"/>
      <c r="BD116" s="1069"/>
      <c r="BE116" s="1069"/>
      <c r="BF116" s="1069"/>
      <c r="BG116" s="1069"/>
      <c r="BH116" s="1069"/>
      <c r="BI116" s="1069"/>
      <c r="BJ116" s="1069"/>
      <c r="BK116" s="1069"/>
      <c r="BL116" s="1069"/>
      <c r="BM116" s="1069"/>
      <c r="BN116" s="1069"/>
      <c r="BO116" s="1069"/>
      <c r="BP116" s="1070"/>
      <c r="BQ116" s="1020" t="s">
        <v>128</v>
      </c>
      <c r="BR116" s="1021"/>
      <c r="BS116" s="1021"/>
      <c r="BT116" s="1021"/>
      <c r="BU116" s="1021"/>
      <c r="BV116" s="1021" t="s">
        <v>128</v>
      </c>
      <c r="BW116" s="1021"/>
      <c r="BX116" s="1021"/>
      <c r="BY116" s="1021"/>
      <c r="BZ116" s="1021"/>
      <c r="CA116" s="1021" t="s">
        <v>128</v>
      </c>
      <c r="CB116" s="1021"/>
      <c r="CC116" s="1021"/>
      <c r="CD116" s="1021"/>
      <c r="CE116" s="1021"/>
      <c r="CF116" s="1015" t="s">
        <v>128</v>
      </c>
      <c r="CG116" s="1016"/>
      <c r="CH116" s="1016"/>
      <c r="CI116" s="1016"/>
      <c r="CJ116" s="1016"/>
      <c r="CK116" s="1046"/>
      <c r="CL116" s="1047"/>
      <c r="CM116" s="1017" t="s">
        <v>454</v>
      </c>
      <c r="CN116" s="1018"/>
      <c r="CO116" s="1018"/>
      <c r="CP116" s="1018"/>
      <c r="CQ116" s="1018"/>
      <c r="CR116" s="1018"/>
      <c r="CS116" s="1018"/>
      <c r="CT116" s="1018"/>
      <c r="CU116" s="1018"/>
      <c r="CV116" s="1018"/>
      <c r="CW116" s="1018"/>
      <c r="CX116" s="1018"/>
      <c r="CY116" s="1018"/>
      <c r="CZ116" s="1018"/>
      <c r="DA116" s="1018"/>
      <c r="DB116" s="1018"/>
      <c r="DC116" s="1018"/>
      <c r="DD116" s="1018"/>
      <c r="DE116" s="1018"/>
      <c r="DF116" s="1019"/>
      <c r="DG116" s="1059" t="s">
        <v>440</v>
      </c>
      <c r="DH116" s="1060"/>
      <c r="DI116" s="1060"/>
      <c r="DJ116" s="1060"/>
      <c r="DK116" s="1061"/>
      <c r="DL116" s="1062" t="s">
        <v>440</v>
      </c>
      <c r="DM116" s="1060"/>
      <c r="DN116" s="1060"/>
      <c r="DO116" s="1060"/>
      <c r="DP116" s="1061"/>
      <c r="DQ116" s="1062" t="s">
        <v>128</v>
      </c>
      <c r="DR116" s="1060"/>
      <c r="DS116" s="1060"/>
      <c r="DT116" s="1060"/>
      <c r="DU116" s="1061"/>
      <c r="DV116" s="1063" t="s">
        <v>440</v>
      </c>
      <c r="DW116" s="1064"/>
      <c r="DX116" s="1064"/>
      <c r="DY116" s="1064"/>
      <c r="DZ116" s="1065"/>
    </row>
    <row r="117" spans="1:130" s="248" customFormat="1" ht="26.25" customHeight="1" x14ac:dyDescent="0.2">
      <c r="A117" s="1007" t="s">
        <v>185</v>
      </c>
      <c r="B117" s="988"/>
      <c r="C117" s="988"/>
      <c r="D117" s="988"/>
      <c r="E117" s="988"/>
      <c r="F117" s="988"/>
      <c r="G117" s="988"/>
      <c r="H117" s="988"/>
      <c r="I117" s="988"/>
      <c r="J117" s="988"/>
      <c r="K117" s="988"/>
      <c r="L117" s="988"/>
      <c r="M117" s="988"/>
      <c r="N117" s="988"/>
      <c r="O117" s="988"/>
      <c r="P117" s="988"/>
      <c r="Q117" s="988"/>
      <c r="R117" s="988"/>
      <c r="S117" s="988"/>
      <c r="T117" s="988"/>
      <c r="U117" s="988"/>
      <c r="V117" s="988"/>
      <c r="W117" s="988"/>
      <c r="X117" s="988"/>
      <c r="Y117" s="1076" t="s">
        <v>455</v>
      </c>
      <c r="Z117" s="989"/>
      <c r="AA117" s="1077">
        <v>3337373</v>
      </c>
      <c r="AB117" s="1078"/>
      <c r="AC117" s="1078"/>
      <c r="AD117" s="1078"/>
      <c r="AE117" s="1079"/>
      <c r="AF117" s="1080">
        <v>3223412</v>
      </c>
      <c r="AG117" s="1078"/>
      <c r="AH117" s="1078"/>
      <c r="AI117" s="1078"/>
      <c r="AJ117" s="1079"/>
      <c r="AK117" s="1080">
        <v>3129066</v>
      </c>
      <c r="AL117" s="1078"/>
      <c r="AM117" s="1078"/>
      <c r="AN117" s="1078"/>
      <c r="AO117" s="1079"/>
      <c r="AP117" s="1081"/>
      <c r="AQ117" s="1082"/>
      <c r="AR117" s="1082"/>
      <c r="AS117" s="1082"/>
      <c r="AT117" s="1083"/>
      <c r="AU117" s="1003"/>
      <c r="AV117" s="1004"/>
      <c r="AW117" s="1004"/>
      <c r="AX117" s="1004"/>
      <c r="AY117" s="1004"/>
      <c r="AZ117" s="1068" t="s">
        <v>456</v>
      </c>
      <c r="BA117" s="1069"/>
      <c r="BB117" s="1069"/>
      <c r="BC117" s="1069"/>
      <c r="BD117" s="1069"/>
      <c r="BE117" s="1069"/>
      <c r="BF117" s="1069"/>
      <c r="BG117" s="1069"/>
      <c r="BH117" s="1069"/>
      <c r="BI117" s="1069"/>
      <c r="BJ117" s="1069"/>
      <c r="BK117" s="1069"/>
      <c r="BL117" s="1069"/>
      <c r="BM117" s="1069"/>
      <c r="BN117" s="1069"/>
      <c r="BO117" s="1069"/>
      <c r="BP117" s="1070"/>
      <c r="BQ117" s="1020" t="s">
        <v>128</v>
      </c>
      <c r="BR117" s="1021"/>
      <c r="BS117" s="1021"/>
      <c r="BT117" s="1021"/>
      <c r="BU117" s="1021"/>
      <c r="BV117" s="1021" t="s">
        <v>128</v>
      </c>
      <c r="BW117" s="1021"/>
      <c r="BX117" s="1021"/>
      <c r="BY117" s="1021"/>
      <c r="BZ117" s="1021"/>
      <c r="CA117" s="1021" t="s">
        <v>440</v>
      </c>
      <c r="CB117" s="1021"/>
      <c r="CC117" s="1021"/>
      <c r="CD117" s="1021"/>
      <c r="CE117" s="1021"/>
      <c r="CF117" s="1015" t="s">
        <v>128</v>
      </c>
      <c r="CG117" s="1016"/>
      <c r="CH117" s="1016"/>
      <c r="CI117" s="1016"/>
      <c r="CJ117" s="1016"/>
      <c r="CK117" s="1046"/>
      <c r="CL117" s="1047"/>
      <c r="CM117" s="1017" t="s">
        <v>457</v>
      </c>
      <c r="CN117" s="1018"/>
      <c r="CO117" s="1018"/>
      <c r="CP117" s="1018"/>
      <c r="CQ117" s="1018"/>
      <c r="CR117" s="1018"/>
      <c r="CS117" s="1018"/>
      <c r="CT117" s="1018"/>
      <c r="CU117" s="1018"/>
      <c r="CV117" s="1018"/>
      <c r="CW117" s="1018"/>
      <c r="CX117" s="1018"/>
      <c r="CY117" s="1018"/>
      <c r="CZ117" s="1018"/>
      <c r="DA117" s="1018"/>
      <c r="DB117" s="1018"/>
      <c r="DC117" s="1018"/>
      <c r="DD117" s="1018"/>
      <c r="DE117" s="1018"/>
      <c r="DF117" s="1019"/>
      <c r="DG117" s="1059" t="s">
        <v>128</v>
      </c>
      <c r="DH117" s="1060"/>
      <c r="DI117" s="1060"/>
      <c r="DJ117" s="1060"/>
      <c r="DK117" s="1061"/>
      <c r="DL117" s="1062" t="s">
        <v>440</v>
      </c>
      <c r="DM117" s="1060"/>
      <c r="DN117" s="1060"/>
      <c r="DO117" s="1060"/>
      <c r="DP117" s="1061"/>
      <c r="DQ117" s="1062" t="s">
        <v>128</v>
      </c>
      <c r="DR117" s="1060"/>
      <c r="DS117" s="1060"/>
      <c r="DT117" s="1060"/>
      <c r="DU117" s="1061"/>
      <c r="DV117" s="1063" t="s">
        <v>128</v>
      </c>
      <c r="DW117" s="1064"/>
      <c r="DX117" s="1064"/>
      <c r="DY117" s="1064"/>
      <c r="DZ117" s="1065"/>
    </row>
    <row r="118" spans="1:130" s="248" customFormat="1" ht="26.25" customHeight="1" x14ac:dyDescent="0.2">
      <c r="A118" s="1007" t="s">
        <v>430</v>
      </c>
      <c r="B118" s="988"/>
      <c r="C118" s="988"/>
      <c r="D118" s="988"/>
      <c r="E118" s="988"/>
      <c r="F118" s="988"/>
      <c r="G118" s="988"/>
      <c r="H118" s="988"/>
      <c r="I118" s="988"/>
      <c r="J118" s="988"/>
      <c r="K118" s="988"/>
      <c r="L118" s="988"/>
      <c r="M118" s="988"/>
      <c r="N118" s="988"/>
      <c r="O118" s="988"/>
      <c r="P118" s="988"/>
      <c r="Q118" s="988"/>
      <c r="R118" s="988"/>
      <c r="S118" s="988"/>
      <c r="T118" s="988"/>
      <c r="U118" s="988"/>
      <c r="V118" s="988"/>
      <c r="W118" s="988"/>
      <c r="X118" s="988"/>
      <c r="Y118" s="988"/>
      <c r="Z118" s="989"/>
      <c r="AA118" s="987" t="s">
        <v>427</v>
      </c>
      <c r="AB118" s="988"/>
      <c r="AC118" s="988"/>
      <c r="AD118" s="988"/>
      <c r="AE118" s="989"/>
      <c r="AF118" s="987" t="s">
        <v>428</v>
      </c>
      <c r="AG118" s="988"/>
      <c r="AH118" s="988"/>
      <c r="AI118" s="988"/>
      <c r="AJ118" s="989"/>
      <c r="AK118" s="987" t="s">
        <v>303</v>
      </c>
      <c r="AL118" s="988"/>
      <c r="AM118" s="988"/>
      <c r="AN118" s="988"/>
      <c r="AO118" s="989"/>
      <c r="AP118" s="1072" t="s">
        <v>429</v>
      </c>
      <c r="AQ118" s="1073"/>
      <c r="AR118" s="1073"/>
      <c r="AS118" s="1073"/>
      <c r="AT118" s="1074"/>
      <c r="AU118" s="1003"/>
      <c r="AV118" s="1004"/>
      <c r="AW118" s="1004"/>
      <c r="AX118" s="1004"/>
      <c r="AY118" s="1004"/>
      <c r="AZ118" s="1075" t="s">
        <v>458</v>
      </c>
      <c r="BA118" s="1066"/>
      <c r="BB118" s="1066"/>
      <c r="BC118" s="1066"/>
      <c r="BD118" s="1066"/>
      <c r="BE118" s="1066"/>
      <c r="BF118" s="1066"/>
      <c r="BG118" s="1066"/>
      <c r="BH118" s="1066"/>
      <c r="BI118" s="1066"/>
      <c r="BJ118" s="1066"/>
      <c r="BK118" s="1066"/>
      <c r="BL118" s="1066"/>
      <c r="BM118" s="1066"/>
      <c r="BN118" s="1066"/>
      <c r="BO118" s="1066"/>
      <c r="BP118" s="1067"/>
      <c r="BQ118" s="1098" t="s">
        <v>128</v>
      </c>
      <c r="BR118" s="1099"/>
      <c r="BS118" s="1099"/>
      <c r="BT118" s="1099"/>
      <c r="BU118" s="1099"/>
      <c r="BV118" s="1099" t="s">
        <v>128</v>
      </c>
      <c r="BW118" s="1099"/>
      <c r="BX118" s="1099"/>
      <c r="BY118" s="1099"/>
      <c r="BZ118" s="1099"/>
      <c r="CA118" s="1099" t="s">
        <v>128</v>
      </c>
      <c r="CB118" s="1099"/>
      <c r="CC118" s="1099"/>
      <c r="CD118" s="1099"/>
      <c r="CE118" s="1099"/>
      <c r="CF118" s="1015" t="s">
        <v>128</v>
      </c>
      <c r="CG118" s="1016"/>
      <c r="CH118" s="1016"/>
      <c r="CI118" s="1016"/>
      <c r="CJ118" s="1016"/>
      <c r="CK118" s="1046"/>
      <c r="CL118" s="1047"/>
      <c r="CM118" s="1017" t="s">
        <v>459</v>
      </c>
      <c r="CN118" s="1018"/>
      <c r="CO118" s="1018"/>
      <c r="CP118" s="1018"/>
      <c r="CQ118" s="1018"/>
      <c r="CR118" s="1018"/>
      <c r="CS118" s="1018"/>
      <c r="CT118" s="1018"/>
      <c r="CU118" s="1018"/>
      <c r="CV118" s="1018"/>
      <c r="CW118" s="1018"/>
      <c r="CX118" s="1018"/>
      <c r="CY118" s="1018"/>
      <c r="CZ118" s="1018"/>
      <c r="DA118" s="1018"/>
      <c r="DB118" s="1018"/>
      <c r="DC118" s="1018"/>
      <c r="DD118" s="1018"/>
      <c r="DE118" s="1018"/>
      <c r="DF118" s="1019"/>
      <c r="DG118" s="1059" t="s">
        <v>128</v>
      </c>
      <c r="DH118" s="1060"/>
      <c r="DI118" s="1060"/>
      <c r="DJ118" s="1060"/>
      <c r="DK118" s="1061"/>
      <c r="DL118" s="1062" t="s">
        <v>128</v>
      </c>
      <c r="DM118" s="1060"/>
      <c r="DN118" s="1060"/>
      <c r="DO118" s="1060"/>
      <c r="DP118" s="1061"/>
      <c r="DQ118" s="1062" t="s">
        <v>128</v>
      </c>
      <c r="DR118" s="1060"/>
      <c r="DS118" s="1060"/>
      <c r="DT118" s="1060"/>
      <c r="DU118" s="1061"/>
      <c r="DV118" s="1063" t="s">
        <v>128</v>
      </c>
      <c r="DW118" s="1064"/>
      <c r="DX118" s="1064"/>
      <c r="DY118" s="1064"/>
      <c r="DZ118" s="1065"/>
    </row>
    <row r="119" spans="1:130" s="248" customFormat="1" ht="26.25" customHeight="1" x14ac:dyDescent="0.2">
      <c r="A119" s="1159" t="s">
        <v>433</v>
      </c>
      <c r="B119" s="1045"/>
      <c r="C119" s="1024" t="s">
        <v>434</v>
      </c>
      <c r="D119" s="1025"/>
      <c r="E119" s="1025"/>
      <c r="F119" s="1025"/>
      <c r="G119" s="1025"/>
      <c r="H119" s="1025"/>
      <c r="I119" s="1025"/>
      <c r="J119" s="1025"/>
      <c r="K119" s="1025"/>
      <c r="L119" s="1025"/>
      <c r="M119" s="1025"/>
      <c r="N119" s="1025"/>
      <c r="O119" s="1025"/>
      <c r="P119" s="1025"/>
      <c r="Q119" s="1025"/>
      <c r="R119" s="1025"/>
      <c r="S119" s="1025"/>
      <c r="T119" s="1025"/>
      <c r="U119" s="1025"/>
      <c r="V119" s="1025"/>
      <c r="W119" s="1025"/>
      <c r="X119" s="1025"/>
      <c r="Y119" s="1025"/>
      <c r="Z119" s="1026"/>
      <c r="AA119" s="994" t="s">
        <v>128</v>
      </c>
      <c r="AB119" s="995"/>
      <c r="AC119" s="995"/>
      <c r="AD119" s="995"/>
      <c r="AE119" s="996"/>
      <c r="AF119" s="997" t="s">
        <v>440</v>
      </c>
      <c r="AG119" s="995"/>
      <c r="AH119" s="995"/>
      <c r="AI119" s="995"/>
      <c r="AJ119" s="996"/>
      <c r="AK119" s="997" t="s">
        <v>128</v>
      </c>
      <c r="AL119" s="995"/>
      <c r="AM119" s="995"/>
      <c r="AN119" s="995"/>
      <c r="AO119" s="996"/>
      <c r="AP119" s="998" t="s">
        <v>128</v>
      </c>
      <c r="AQ119" s="999"/>
      <c r="AR119" s="999"/>
      <c r="AS119" s="999"/>
      <c r="AT119" s="1000"/>
      <c r="AU119" s="1005"/>
      <c r="AV119" s="1006"/>
      <c r="AW119" s="1006"/>
      <c r="AX119" s="1006"/>
      <c r="AY119" s="1006"/>
      <c r="AZ119" s="279" t="s">
        <v>185</v>
      </c>
      <c r="BA119" s="279"/>
      <c r="BB119" s="279"/>
      <c r="BC119" s="279"/>
      <c r="BD119" s="279"/>
      <c r="BE119" s="279"/>
      <c r="BF119" s="279"/>
      <c r="BG119" s="279"/>
      <c r="BH119" s="279"/>
      <c r="BI119" s="279"/>
      <c r="BJ119" s="279"/>
      <c r="BK119" s="279"/>
      <c r="BL119" s="279"/>
      <c r="BM119" s="279"/>
      <c r="BN119" s="279"/>
      <c r="BO119" s="1076" t="s">
        <v>460</v>
      </c>
      <c r="BP119" s="1107"/>
      <c r="BQ119" s="1098">
        <v>34657395</v>
      </c>
      <c r="BR119" s="1099"/>
      <c r="BS119" s="1099"/>
      <c r="BT119" s="1099"/>
      <c r="BU119" s="1099"/>
      <c r="BV119" s="1099">
        <v>33791630</v>
      </c>
      <c r="BW119" s="1099"/>
      <c r="BX119" s="1099"/>
      <c r="BY119" s="1099"/>
      <c r="BZ119" s="1099"/>
      <c r="CA119" s="1099">
        <v>30918230</v>
      </c>
      <c r="CB119" s="1099"/>
      <c r="CC119" s="1099"/>
      <c r="CD119" s="1099"/>
      <c r="CE119" s="1099"/>
      <c r="CF119" s="1100"/>
      <c r="CG119" s="1101"/>
      <c r="CH119" s="1101"/>
      <c r="CI119" s="1101"/>
      <c r="CJ119" s="1102"/>
      <c r="CK119" s="1048"/>
      <c r="CL119" s="1049"/>
      <c r="CM119" s="1103" t="s">
        <v>461</v>
      </c>
      <c r="CN119" s="1104"/>
      <c r="CO119" s="1104"/>
      <c r="CP119" s="1104"/>
      <c r="CQ119" s="1104"/>
      <c r="CR119" s="1104"/>
      <c r="CS119" s="1104"/>
      <c r="CT119" s="1104"/>
      <c r="CU119" s="1104"/>
      <c r="CV119" s="1104"/>
      <c r="CW119" s="1104"/>
      <c r="CX119" s="1104"/>
      <c r="CY119" s="1104"/>
      <c r="CZ119" s="1104"/>
      <c r="DA119" s="1104"/>
      <c r="DB119" s="1104"/>
      <c r="DC119" s="1104"/>
      <c r="DD119" s="1104"/>
      <c r="DE119" s="1104"/>
      <c r="DF119" s="1105"/>
      <c r="DG119" s="1106" t="s">
        <v>440</v>
      </c>
      <c r="DH119" s="1085"/>
      <c r="DI119" s="1085"/>
      <c r="DJ119" s="1085"/>
      <c r="DK119" s="1086"/>
      <c r="DL119" s="1084" t="s">
        <v>128</v>
      </c>
      <c r="DM119" s="1085"/>
      <c r="DN119" s="1085"/>
      <c r="DO119" s="1085"/>
      <c r="DP119" s="1086"/>
      <c r="DQ119" s="1084" t="s">
        <v>440</v>
      </c>
      <c r="DR119" s="1085"/>
      <c r="DS119" s="1085"/>
      <c r="DT119" s="1085"/>
      <c r="DU119" s="1086"/>
      <c r="DV119" s="1087" t="s">
        <v>128</v>
      </c>
      <c r="DW119" s="1088"/>
      <c r="DX119" s="1088"/>
      <c r="DY119" s="1088"/>
      <c r="DZ119" s="1089"/>
    </row>
    <row r="120" spans="1:130" s="248" customFormat="1" ht="26.25" customHeight="1" x14ac:dyDescent="0.2">
      <c r="A120" s="1160"/>
      <c r="B120" s="1047"/>
      <c r="C120" s="1017" t="s">
        <v>437</v>
      </c>
      <c r="D120" s="1018"/>
      <c r="E120" s="1018"/>
      <c r="F120" s="1018"/>
      <c r="G120" s="1018"/>
      <c r="H120" s="1018"/>
      <c r="I120" s="1018"/>
      <c r="J120" s="1018"/>
      <c r="K120" s="1018"/>
      <c r="L120" s="1018"/>
      <c r="M120" s="1018"/>
      <c r="N120" s="1018"/>
      <c r="O120" s="1018"/>
      <c r="P120" s="1018"/>
      <c r="Q120" s="1018"/>
      <c r="R120" s="1018"/>
      <c r="S120" s="1018"/>
      <c r="T120" s="1018"/>
      <c r="U120" s="1018"/>
      <c r="V120" s="1018"/>
      <c r="W120" s="1018"/>
      <c r="X120" s="1018"/>
      <c r="Y120" s="1018"/>
      <c r="Z120" s="1019"/>
      <c r="AA120" s="1059" t="s">
        <v>128</v>
      </c>
      <c r="AB120" s="1060"/>
      <c r="AC120" s="1060"/>
      <c r="AD120" s="1060"/>
      <c r="AE120" s="1061"/>
      <c r="AF120" s="1062" t="s">
        <v>128</v>
      </c>
      <c r="AG120" s="1060"/>
      <c r="AH120" s="1060"/>
      <c r="AI120" s="1060"/>
      <c r="AJ120" s="1061"/>
      <c r="AK120" s="1062" t="s">
        <v>440</v>
      </c>
      <c r="AL120" s="1060"/>
      <c r="AM120" s="1060"/>
      <c r="AN120" s="1060"/>
      <c r="AO120" s="1061"/>
      <c r="AP120" s="1063" t="s">
        <v>440</v>
      </c>
      <c r="AQ120" s="1064"/>
      <c r="AR120" s="1064"/>
      <c r="AS120" s="1064"/>
      <c r="AT120" s="1065"/>
      <c r="AU120" s="1090" t="s">
        <v>462</v>
      </c>
      <c r="AV120" s="1091"/>
      <c r="AW120" s="1091"/>
      <c r="AX120" s="1091"/>
      <c r="AY120" s="1092"/>
      <c r="AZ120" s="1041" t="s">
        <v>463</v>
      </c>
      <c r="BA120" s="992"/>
      <c r="BB120" s="992"/>
      <c r="BC120" s="992"/>
      <c r="BD120" s="992"/>
      <c r="BE120" s="992"/>
      <c r="BF120" s="992"/>
      <c r="BG120" s="992"/>
      <c r="BH120" s="992"/>
      <c r="BI120" s="992"/>
      <c r="BJ120" s="992"/>
      <c r="BK120" s="992"/>
      <c r="BL120" s="992"/>
      <c r="BM120" s="992"/>
      <c r="BN120" s="992"/>
      <c r="BO120" s="992"/>
      <c r="BP120" s="993"/>
      <c r="BQ120" s="1027">
        <v>2629350</v>
      </c>
      <c r="BR120" s="1028"/>
      <c r="BS120" s="1028"/>
      <c r="BT120" s="1028"/>
      <c r="BU120" s="1028"/>
      <c r="BV120" s="1028">
        <v>3280221</v>
      </c>
      <c r="BW120" s="1028"/>
      <c r="BX120" s="1028"/>
      <c r="BY120" s="1028"/>
      <c r="BZ120" s="1028"/>
      <c r="CA120" s="1028">
        <v>3570724</v>
      </c>
      <c r="CB120" s="1028"/>
      <c r="CC120" s="1028"/>
      <c r="CD120" s="1028"/>
      <c r="CE120" s="1028"/>
      <c r="CF120" s="1042">
        <v>24.4</v>
      </c>
      <c r="CG120" s="1043"/>
      <c r="CH120" s="1043"/>
      <c r="CI120" s="1043"/>
      <c r="CJ120" s="1043"/>
      <c r="CK120" s="1108" t="s">
        <v>464</v>
      </c>
      <c r="CL120" s="1109"/>
      <c r="CM120" s="1109"/>
      <c r="CN120" s="1109"/>
      <c r="CO120" s="1110"/>
      <c r="CP120" s="1116" t="s">
        <v>465</v>
      </c>
      <c r="CQ120" s="1117"/>
      <c r="CR120" s="1117"/>
      <c r="CS120" s="1117"/>
      <c r="CT120" s="1117"/>
      <c r="CU120" s="1117"/>
      <c r="CV120" s="1117"/>
      <c r="CW120" s="1117"/>
      <c r="CX120" s="1117"/>
      <c r="CY120" s="1117"/>
      <c r="CZ120" s="1117"/>
      <c r="DA120" s="1117"/>
      <c r="DB120" s="1117"/>
      <c r="DC120" s="1117"/>
      <c r="DD120" s="1117"/>
      <c r="DE120" s="1117"/>
      <c r="DF120" s="1118"/>
      <c r="DG120" s="1027" t="s">
        <v>128</v>
      </c>
      <c r="DH120" s="1028"/>
      <c r="DI120" s="1028"/>
      <c r="DJ120" s="1028"/>
      <c r="DK120" s="1028"/>
      <c r="DL120" s="1028" t="s">
        <v>128</v>
      </c>
      <c r="DM120" s="1028"/>
      <c r="DN120" s="1028"/>
      <c r="DO120" s="1028"/>
      <c r="DP120" s="1028"/>
      <c r="DQ120" s="1028">
        <v>6176579</v>
      </c>
      <c r="DR120" s="1028"/>
      <c r="DS120" s="1028"/>
      <c r="DT120" s="1028"/>
      <c r="DU120" s="1028"/>
      <c r="DV120" s="1029">
        <v>42.2</v>
      </c>
      <c r="DW120" s="1029"/>
      <c r="DX120" s="1029"/>
      <c r="DY120" s="1029"/>
      <c r="DZ120" s="1030"/>
    </row>
    <row r="121" spans="1:130" s="248" customFormat="1" ht="26.25" customHeight="1" x14ac:dyDescent="0.2">
      <c r="A121" s="1160"/>
      <c r="B121" s="1047"/>
      <c r="C121" s="1068" t="s">
        <v>466</v>
      </c>
      <c r="D121" s="1069"/>
      <c r="E121" s="1069"/>
      <c r="F121" s="1069"/>
      <c r="G121" s="1069"/>
      <c r="H121" s="1069"/>
      <c r="I121" s="1069"/>
      <c r="J121" s="1069"/>
      <c r="K121" s="1069"/>
      <c r="L121" s="1069"/>
      <c r="M121" s="1069"/>
      <c r="N121" s="1069"/>
      <c r="O121" s="1069"/>
      <c r="P121" s="1069"/>
      <c r="Q121" s="1069"/>
      <c r="R121" s="1069"/>
      <c r="S121" s="1069"/>
      <c r="T121" s="1069"/>
      <c r="U121" s="1069"/>
      <c r="V121" s="1069"/>
      <c r="W121" s="1069"/>
      <c r="X121" s="1069"/>
      <c r="Y121" s="1069"/>
      <c r="Z121" s="1070"/>
      <c r="AA121" s="1059" t="s">
        <v>128</v>
      </c>
      <c r="AB121" s="1060"/>
      <c r="AC121" s="1060"/>
      <c r="AD121" s="1060"/>
      <c r="AE121" s="1061"/>
      <c r="AF121" s="1062" t="s">
        <v>467</v>
      </c>
      <c r="AG121" s="1060"/>
      <c r="AH121" s="1060"/>
      <c r="AI121" s="1060"/>
      <c r="AJ121" s="1061"/>
      <c r="AK121" s="1062" t="s">
        <v>440</v>
      </c>
      <c r="AL121" s="1060"/>
      <c r="AM121" s="1060"/>
      <c r="AN121" s="1060"/>
      <c r="AO121" s="1061"/>
      <c r="AP121" s="1063" t="s">
        <v>128</v>
      </c>
      <c r="AQ121" s="1064"/>
      <c r="AR121" s="1064"/>
      <c r="AS121" s="1064"/>
      <c r="AT121" s="1065"/>
      <c r="AU121" s="1093"/>
      <c r="AV121" s="1094"/>
      <c r="AW121" s="1094"/>
      <c r="AX121" s="1094"/>
      <c r="AY121" s="1095"/>
      <c r="AZ121" s="1050" t="s">
        <v>468</v>
      </c>
      <c r="BA121" s="1051"/>
      <c r="BB121" s="1051"/>
      <c r="BC121" s="1051"/>
      <c r="BD121" s="1051"/>
      <c r="BE121" s="1051"/>
      <c r="BF121" s="1051"/>
      <c r="BG121" s="1051"/>
      <c r="BH121" s="1051"/>
      <c r="BI121" s="1051"/>
      <c r="BJ121" s="1051"/>
      <c r="BK121" s="1051"/>
      <c r="BL121" s="1051"/>
      <c r="BM121" s="1051"/>
      <c r="BN121" s="1051"/>
      <c r="BO121" s="1051"/>
      <c r="BP121" s="1052"/>
      <c r="BQ121" s="1020">
        <v>2423396</v>
      </c>
      <c r="BR121" s="1021"/>
      <c r="BS121" s="1021"/>
      <c r="BT121" s="1021"/>
      <c r="BU121" s="1021"/>
      <c r="BV121" s="1021">
        <v>2305376</v>
      </c>
      <c r="BW121" s="1021"/>
      <c r="BX121" s="1021"/>
      <c r="BY121" s="1021"/>
      <c r="BZ121" s="1021"/>
      <c r="CA121" s="1021">
        <v>2443004</v>
      </c>
      <c r="CB121" s="1021"/>
      <c r="CC121" s="1021"/>
      <c r="CD121" s="1021"/>
      <c r="CE121" s="1021"/>
      <c r="CF121" s="1015">
        <v>16.7</v>
      </c>
      <c r="CG121" s="1016"/>
      <c r="CH121" s="1016"/>
      <c r="CI121" s="1016"/>
      <c r="CJ121" s="1016"/>
      <c r="CK121" s="1111"/>
      <c r="CL121" s="1112"/>
      <c r="CM121" s="1112"/>
      <c r="CN121" s="1112"/>
      <c r="CO121" s="1113"/>
      <c r="CP121" s="1121" t="s">
        <v>403</v>
      </c>
      <c r="CQ121" s="1122"/>
      <c r="CR121" s="1122"/>
      <c r="CS121" s="1122"/>
      <c r="CT121" s="1122"/>
      <c r="CU121" s="1122"/>
      <c r="CV121" s="1122"/>
      <c r="CW121" s="1122"/>
      <c r="CX121" s="1122"/>
      <c r="CY121" s="1122"/>
      <c r="CZ121" s="1122"/>
      <c r="DA121" s="1122"/>
      <c r="DB121" s="1122"/>
      <c r="DC121" s="1122"/>
      <c r="DD121" s="1122"/>
      <c r="DE121" s="1122"/>
      <c r="DF121" s="1123"/>
      <c r="DG121" s="1020" t="s">
        <v>440</v>
      </c>
      <c r="DH121" s="1021"/>
      <c r="DI121" s="1021"/>
      <c r="DJ121" s="1021"/>
      <c r="DK121" s="1021"/>
      <c r="DL121" s="1021" t="s">
        <v>128</v>
      </c>
      <c r="DM121" s="1021"/>
      <c r="DN121" s="1021"/>
      <c r="DO121" s="1021"/>
      <c r="DP121" s="1021"/>
      <c r="DQ121" s="1021" t="s">
        <v>440</v>
      </c>
      <c r="DR121" s="1021"/>
      <c r="DS121" s="1021"/>
      <c r="DT121" s="1021"/>
      <c r="DU121" s="1021"/>
      <c r="DV121" s="1022" t="s">
        <v>440</v>
      </c>
      <c r="DW121" s="1022"/>
      <c r="DX121" s="1022"/>
      <c r="DY121" s="1022"/>
      <c r="DZ121" s="1023"/>
    </row>
    <row r="122" spans="1:130" s="248" customFormat="1" ht="26.25" customHeight="1" x14ac:dyDescent="0.2">
      <c r="A122" s="1160"/>
      <c r="B122" s="1047"/>
      <c r="C122" s="1017" t="s">
        <v>448</v>
      </c>
      <c r="D122" s="1018"/>
      <c r="E122" s="1018"/>
      <c r="F122" s="1018"/>
      <c r="G122" s="1018"/>
      <c r="H122" s="1018"/>
      <c r="I122" s="1018"/>
      <c r="J122" s="1018"/>
      <c r="K122" s="1018"/>
      <c r="L122" s="1018"/>
      <c r="M122" s="1018"/>
      <c r="N122" s="1018"/>
      <c r="O122" s="1018"/>
      <c r="P122" s="1018"/>
      <c r="Q122" s="1018"/>
      <c r="R122" s="1018"/>
      <c r="S122" s="1018"/>
      <c r="T122" s="1018"/>
      <c r="U122" s="1018"/>
      <c r="V122" s="1018"/>
      <c r="W122" s="1018"/>
      <c r="X122" s="1018"/>
      <c r="Y122" s="1018"/>
      <c r="Z122" s="1019"/>
      <c r="AA122" s="1059" t="s">
        <v>440</v>
      </c>
      <c r="AB122" s="1060"/>
      <c r="AC122" s="1060"/>
      <c r="AD122" s="1060"/>
      <c r="AE122" s="1061"/>
      <c r="AF122" s="1062" t="s">
        <v>128</v>
      </c>
      <c r="AG122" s="1060"/>
      <c r="AH122" s="1060"/>
      <c r="AI122" s="1060"/>
      <c r="AJ122" s="1061"/>
      <c r="AK122" s="1062" t="s">
        <v>128</v>
      </c>
      <c r="AL122" s="1060"/>
      <c r="AM122" s="1060"/>
      <c r="AN122" s="1060"/>
      <c r="AO122" s="1061"/>
      <c r="AP122" s="1063" t="s">
        <v>128</v>
      </c>
      <c r="AQ122" s="1064"/>
      <c r="AR122" s="1064"/>
      <c r="AS122" s="1064"/>
      <c r="AT122" s="1065"/>
      <c r="AU122" s="1093"/>
      <c r="AV122" s="1094"/>
      <c r="AW122" s="1094"/>
      <c r="AX122" s="1094"/>
      <c r="AY122" s="1095"/>
      <c r="AZ122" s="1075" t="s">
        <v>469</v>
      </c>
      <c r="BA122" s="1066"/>
      <c r="BB122" s="1066"/>
      <c r="BC122" s="1066"/>
      <c r="BD122" s="1066"/>
      <c r="BE122" s="1066"/>
      <c r="BF122" s="1066"/>
      <c r="BG122" s="1066"/>
      <c r="BH122" s="1066"/>
      <c r="BI122" s="1066"/>
      <c r="BJ122" s="1066"/>
      <c r="BK122" s="1066"/>
      <c r="BL122" s="1066"/>
      <c r="BM122" s="1066"/>
      <c r="BN122" s="1066"/>
      <c r="BO122" s="1066"/>
      <c r="BP122" s="1067"/>
      <c r="BQ122" s="1098">
        <v>21724912</v>
      </c>
      <c r="BR122" s="1099"/>
      <c r="BS122" s="1099"/>
      <c r="BT122" s="1099"/>
      <c r="BU122" s="1099"/>
      <c r="BV122" s="1099">
        <v>21216543</v>
      </c>
      <c r="BW122" s="1099"/>
      <c r="BX122" s="1099"/>
      <c r="BY122" s="1099"/>
      <c r="BZ122" s="1099"/>
      <c r="CA122" s="1099">
        <v>20671104</v>
      </c>
      <c r="CB122" s="1099"/>
      <c r="CC122" s="1099"/>
      <c r="CD122" s="1099"/>
      <c r="CE122" s="1099"/>
      <c r="CF122" s="1119">
        <v>141.19999999999999</v>
      </c>
      <c r="CG122" s="1120"/>
      <c r="CH122" s="1120"/>
      <c r="CI122" s="1120"/>
      <c r="CJ122" s="1120"/>
      <c r="CK122" s="1111"/>
      <c r="CL122" s="1112"/>
      <c r="CM122" s="1112"/>
      <c r="CN122" s="1112"/>
      <c r="CO122" s="1113"/>
      <c r="CP122" s="1121" t="s">
        <v>404</v>
      </c>
      <c r="CQ122" s="1122"/>
      <c r="CR122" s="1122"/>
      <c r="CS122" s="1122"/>
      <c r="CT122" s="1122"/>
      <c r="CU122" s="1122"/>
      <c r="CV122" s="1122"/>
      <c r="CW122" s="1122"/>
      <c r="CX122" s="1122"/>
      <c r="CY122" s="1122"/>
      <c r="CZ122" s="1122"/>
      <c r="DA122" s="1122"/>
      <c r="DB122" s="1122"/>
      <c r="DC122" s="1122"/>
      <c r="DD122" s="1122"/>
      <c r="DE122" s="1122"/>
      <c r="DF122" s="1123"/>
      <c r="DG122" s="1020" t="s">
        <v>128</v>
      </c>
      <c r="DH122" s="1021"/>
      <c r="DI122" s="1021"/>
      <c r="DJ122" s="1021"/>
      <c r="DK122" s="1021"/>
      <c r="DL122" s="1021" t="s">
        <v>440</v>
      </c>
      <c r="DM122" s="1021"/>
      <c r="DN122" s="1021"/>
      <c r="DO122" s="1021"/>
      <c r="DP122" s="1021"/>
      <c r="DQ122" s="1021" t="s">
        <v>440</v>
      </c>
      <c r="DR122" s="1021"/>
      <c r="DS122" s="1021"/>
      <c r="DT122" s="1021"/>
      <c r="DU122" s="1021"/>
      <c r="DV122" s="1022" t="s">
        <v>440</v>
      </c>
      <c r="DW122" s="1022"/>
      <c r="DX122" s="1022"/>
      <c r="DY122" s="1022"/>
      <c r="DZ122" s="1023"/>
    </row>
    <row r="123" spans="1:130" s="248" customFormat="1" ht="26.25" customHeight="1" x14ac:dyDescent="0.2">
      <c r="A123" s="1160"/>
      <c r="B123" s="1047"/>
      <c r="C123" s="1017" t="s">
        <v>454</v>
      </c>
      <c r="D123" s="1018"/>
      <c r="E123" s="1018"/>
      <c r="F123" s="1018"/>
      <c r="G123" s="1018"/>
      <c r="H123" s="1018"/>
      <c r="I123" s="1018"/>
      <c r="J123" s="1018"/>
      <c r="K123" s="1018"/>
      <c r="L123" s="1018"/>
      <c r="M123" s="1018"/>
      <c r="N123" s="1018"/>
      <c r="O123" s="1018"/>
      <c r="P123" s="1018"/>
      <c r="Q123" s="1018"/>
      <c r="R123" s="1018"/>
      <c r="S123" s="1018"/>
      <c r="T123" s="1018"/>
      <c r="U123" s="1018"/>
      <c r="V123" s="1018"/>
      <c r="W123" s="1018"/>
      <c r="X123" s="1018"/>
      <c r="Y123" s="1018"/>
      <c r="Z123" s="1019"/>
      <c r="AA123" s="1059" t="s">
        <v>128</v>
      </c>
      <c r="AB123" s="1060"/>
      <c r="AC123" s="1060"/>
      <c r="AD123" s="1060"/>
      <c r="AE123" s="1061"/>
      <c r="AF123" s="1062" t="s">
        <v>440</v>
      </c>
      <c r="AG123" s="1060"/>
      <c r="AH123" s="1060"/>
      <c r="AI123" s="1060"/>
      <c r="AJ123" s="1061"/>
      <c r="AK123" s="1062" t="s">
        <v>128</v>
      </c>
      <c r="AL123" s="1060"/>
      <c r="AM123" s="1060"/>
      <c r="AN123" s="1060"/>
      <c r="AO123" s="1061"/>
      <c r="AP123" s="1063" t="s">
        <v>128</v>
      </c>
      <c r="AQ123" s="1064"/>
      <c r="AR123" s="1064"/>
      <c r="AS123" s="1064"/>
      <c r="AT123" s="1065"/>
      <c r="AU123" s="1096"/>
      <c r="AV123" s="1097"/>
      <c r="AW123" s="1097"/>
      <c r="AX123" s="1097"/>
      <c r="AY123" s="1097"/>
      <c r="AZ123" s="279" t="s">
        <v>185</v>
      </c>
      <c r="BA123" s="279"/>
      <c r="BB123" s="279"/>
      <c r="BC123" s="279"/>
      <c r="BD123" s="279"/>
      <c r="BE123" s="279"/>
      <c r="BF123" s="279"/>
      <c r="BG123" s="279"/>
      <c r="BH123" s="279"/>
      <c r="BI123" s="279"/>
      <c r="BJ123" s="279"/>
      <c r="BK123" s="279"/>
      <c r="BL123" s="279"/>
      <c r="BM123" s="279"/>
      <c r="BN123" s="279"/>
      <c r="BO123" s="1076" t="s">
        <v>470</v>
      </c>
      <c r="BP123" s="1107"/>
      <c r="BQ123" s="1166">
        <v>26777658</v>
      </c>
      <c r="BR123" s="1167"/>
      <c r="BS123" s="1167"/>
      <c r="BT123" s="1167"/>
      <c r="BU123" s="1167"/>
      <c r="BV123" s="1167">
        <v>26802140</v>
      </c>
      <c r="BW123" s="1167"/>
      <c r="BX123" s="1167"/>
      <c r="BY123" s="1167"/>
      <c r="BZ123" s="1167"/>
      <c r="CA123" s="1167">
        <v>26684832</v>
      </c>
      <c r="CB123" s="1167"/>
      <c r="CC123" s="1167"/>
      <c r="CD123" s="1167"/>
      <c r="CE123" s="1167"/>
      <c r="CF123" s="1100"/>
      <c r="CG123" s="1101"/>
      <c r="CH123" s="1101"/>
      <c r="CI123" s="1101"/>
      <c r="CJ123" s="1102"/>
      <c r="CK123" s="1111"/>
      <c r="CL123" s="1112"/>
      <c r="CM123" s="1112"/>
      <c r="CN123" s="1112"/>
      <c r="CO123" s="1113"/>
      <c r="CP123" s="1121" t="s">
        <v>471</v>
      </c>
      <c r="CQ123" s="1122"/>
      <c r="CR123" s="1122"/>
      <c r="CS123" s="1122"/>
      <c r="CT123" s="1122"/>
      <c r="CU123" s="1122"/>
      <c r="CV123" s="1122"/>
      <c r="CW123" s="1122"/>
      <c r="CX123" s="1122"/>
      <c r="CY123" s="1122"/>
      <c r="CZ123" s="1122"/>
      <c r="DA123" s="1122"/>
      <c r="DB123" s="1122"/>
      <c r="DC123" s="1122"/>
      <c r="DD123" s="1122"/>
      <c r="DE123" s="1122"/>
      <c r="DF123" s="1123"/>
      <c r="DG123" s="1059" t="s">
        <v>128</v>
      </c>
      <c r="DH123" s="1060"/>
      <c r="DI123" s="1060"/>
      <c r="DJ123" s="1060"/>
      <c r="DK123" s="1061"/>
      <c r="DL123" s="1062" t="s">
        <v>128</v>
      </c>
      <c r="DM123" s="1060"/>
      <c r="DN123" s="1060"/>
      <c r="DO123" s="1060"/>
      <c r="DP123" s="1061"/>
      <c r="DQ123" s="1062" t="s">
        <v>128</v>
      </c>
      <c r="DR123" s="1060"/>
      <c r="DS123" s="1060"/>
      <c r="DT123" s="1060"/>
      <c r="DU123" s="1061"/>
      <c r="DV123" s="1063" t="s">
        <v>128</v>
      </c>
      <c r="DW123" s="1064"/>
      <c r="DX123" s="1064"/>
      <c r="DY123" s="1064"/>
      <c r="DZ123" s="1065"/>
    </row>
    <row r="124" spans="1:130" s="248" customFormat="1" ht="26.25" customHeight="1" thickBot="1" x14ac:dyDescent="0.25">
      <c r="A124" s="1160"/>
      <c r="B124" s="1047"/>
      <c r="C124" s="1017" t="s">
        <v>457</v>
      </c>
      <c r="D124" s="1018"/>
      <c r="E124" s="1018"/>
      <c r="F124" s="1018"/>
      <c r="G124" s="1018"/>
      <c r="H124" s="1018"/>
      <c r="I124" s="1018"/>
      <c r="J124" s="1018"/>
      <c r="K124" s="1018"/>
      <c r="L124" s="1018"/>
      <c r="M124" s="1018"/>
      <c r="N124" s="1018"/>
      <c r="O124" s="1018"/>
      <c r="P124" s="1018"/>
      <c r="Q124" s="1018"/>
      <c r="R124" s="1018"/>
      <c r="S124" s="1018"/>
      <c r="T124" s="1018"/>
      <c r="U124" s="1018"/>
      <c r="V124" s="1018"/>
      <c r="W124" s="1018"/>
      <c r="X124" s="1018"/>
      <c r="Y124" s="1018"/>
      <c r="Z124" s="1019"/>
      <c r="AA124" s="1059" t="s">
        <v>128</v>
      </c>
      <c r="AB124" s="1060"/>
      <c r="AC124" s="1060"/>
      <c r="AD124" s="1060"/>
      <c r="AE124" s="1061"/>
      <c r="AF124" s="1062" t="s">
        <v>440</v>
      </c>
      <c r="AG124" s="1060"/>
      <c r="AH124" s="1060"/>
      <c r="AI124" s="1060"/>
      <c r="AJ124" s="1061"/>
      <c r="AK124" s="1062" t="s">
        <v>128</v>
      </c>
      <c r="AL124" s="1060"/>
      <c r="AM124" s="1060"/>
      <c r="AN124" s="1060"/>
      <c r="AO124" s="1061"/>
      <c r="AP124" s="1063" t="s">
        <v>128</v>
      </c>
      <c r="AQ124" s="1064"/>
      <c r="AR124" s="1064"/>
      <c r="AS124" s="1064"/>
      <c r="AT124" s="1065"/>
      <c r="AU124" s="1162" t="s">
        <v>472</v>
      </c>
      <c r="AV124" s="1163"/>
      <c r="AW124" s="1163"/>
      <c r="AX124" s="1163"/>
      <c r="AY124" s="1163"/>
      <c r="AZ124" s="1163"/>
      <c r="BA124" s="1163"/>
      <c r="BB124" s="1163"/>
      <c r="BC124" s="1163"/>
      <c r="BD124" s="1163"/>
      <c r="BE124" s="1163"/>
      <c r="BF124" s="1163"/>
      <c r="BG124" s="1163"/>
      <c r="BH124" s="1163"/>
      <c r="BI124" s="1163"/>
      <c r="BJ124" s="1163"/>
      <c r="BK124" s="1163"/>
      <c r="BL124" s="1163"/>
      <c r="BM124" s="1163"/>
      <c r="BN124" s="1163"/>
      <c r="BO124" s="1163"/>
      <c r="BP124" s="1164"/>
      <c r="BQ124" s="1165">
        <v>55.4</v>
      </c>
      <c r="BR124" s="1129"/>
      <c r="BS124" s="1129"/>
      <c r="BT124" s="1129"/>
      <c r="BU124" s="1129"/>
      <c r="BV124" s="1129">
        <v>48.8</v>
      </c>
      <c r="BW124" s="1129"/>
      <c r="BX124" s="1129"/>
      <c r="BY124" s="1129"/>
      <c r="BZ124" s="1129"/>
      <c r="CA124" s="1129">
        <v>28.9</v>
      </c>
      <c r="CB124" s="1129"/>
      <c r="CC124" s="1129"/>
      <c r="CD124" s="1129"/>
      <c r="CE124" s="1129"/>
      <c r="CF124" s="1130"/>
      <c r="CG124" s="1131"/>
      <c r="CH124" s="1131"/>
      <c r="CI124" s="1131"/>
      <c r="CJ124" s="1132"/>
      <c r="CK124" s="1114"/>
      <c r="CL124" s="1114"/>
      <c r="CM124" s="1114"/>
      <c r="CN124" s="1114"/>
      <c r="CO124" s="1115"/>
      <c r="CP124" s="1121" t="s">
        <v>473</v>
      </c>
      <c r="CQ124" s="1122"/>
      <c r="CR124" s="1122"/>
      <c r="CS124" s="1122"/>
      <c r="CT124" s="1122"/>
      <c r="CU124" s="1122"/>
      <c r="CV124" s="1122"/>
      <c r="CW124" s="1122"/>
      <c r="CX124" s="1122"/>
      <c r="CY124" s="1122"/>
      <c r="CZ124" s="1122"/>
      <c r="DA124" s="1122"/>
      <c r="DB124" s="1122"/>
      <c r="DC124" s="1122"/>
      <c r="DD124" s="1122"/>
      <c r="DE124" s="1122"/>
      <c r="DF124" s="1123"/>
      <c r="DG124" s="1106">
        <v>8745441</v>
      </c>
      <c r="DH124" s="1085"/>
      <c r="DI124" s="1085"/>
      <c r="DJ124" s="1085"/>
      <c r="DK124" s="1086"/>
      <c r="DL124" s="1084">
        <v>8062442</v>
      </c>
      <c r="DM124" s="1085"/>
      <c r="DN124" s="1085"/>
      <c r="DO124" s="1085"/>
      <c r="DP124" s="1086"/>
      <c r="DQ124" s="1084" t="s">
        <v>440</v>
      </c>
      <c r="DR124" s="1085"/>
      <c r="DS124" s="1085"/>
      <c r="DT124" s="1085"/>
      <c r="DU124" s="1086"/>
      <c r="DV124" s="1087" t="s">
        <v>128</v>
      </c>
      <c r="DW124" s="1088"/>
      <c r="DX124" s="1088"/>
      <c r="DY124" s="1088"/>
      <c r="DZ124" s="1089"/>
    </row>
    <row r="125" spans="1:130" s="248" customFormat="1" ht="26.25" customHeight="1" x14ac:dyDescent="0.2">
      <c r="A125" s="1160"/>
      <c r="B125" s="1047"/>
      <c r="C125" s="1017" t="s">
        <v>459</v>
      </c>
      <c r="D125" s="1018"/>
      <c r="E125" s="1018"/>
      <c r="F125" s="1018"/>
      <c r="G125" s="1018"/>
      <c r="H125" s="1018"/>
      <c r="I125" s="1018"/>
      <c r="J125" s="1018"/>
      <c r="K125" s="1018"/>
      <c r="L125" s="1018"/>
      <c r="M125" s="1018"/>
      <c r="N125" s="1018"/>
      <c r="O125" s="1018"/>
      <c r="P125" s="1018"/>
      <c r="Q125" s="1018"/>
      <c r="R125" s="1018"/>
      <c r="S125" s="1018"/>
      <c r="T125" s="1018"/>
      <c r="U125" s="1018"/>
      <c r="V125" s="1018"/>
      <c r="W125" s="1018"/>
      <c r="X125" s="1018"/>
      <c r="Y125" s="1018"/>
      <c r="Z125" s="1019"/>
      <c r="AA125" s="1059" t="s">
        <v>440</v>
      </c>
      <c r="AB125" s="1060"/>
      <c r="AC125" s="1060"/>
      <c r="AD125" s="1060"/>
      <c r="AE125" s="1061"/>
      <c r="AF125" s="1062" t="s">
        <v>440</v>
      </c>
      <c r="AG125" s="1060"/>
      <c r="AH125" s="1060"/>
      <c r="AI125" s="1060"/>
      <c r="AJ125" s="1061"/>
      <c r="AK125" s="1062" t="s">
        <v>128</v>
      </c>
      <c r="AL125" s="1060"/>
      <c r="AM125" s="1060"/>
      <c r="AN125" s="1060"/>
      <c r="AO125" s="1061"/>
      <c r="AP125" s="1063" t="s">
        <v>128</v>
      </c>
      <c r="AQ125" s="1064"/>
      <c r="AR125" s="1064"/>
      <c r="AS125" s="1064"/>
      <c r="AT125" s="1065"/>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24" t="s">
        <v>474</v>
      </c>
      <c r="CL125" s="1109"/>
      <c r="CM125" s="1109"/>
      <c r="CN125" s="1109"/>
      <c r="CO125" s="1110"/>
      <c r="CP125" s="1041" t="s">
        <v>475</v>
      </c>
      <c r="CQ125" s="992"/>
      <c r="CR125" s="992"/>
      <c r="CS125" s="992"/>
      <c r="CT125" s="992"/>
      <c r="CU125" s="992"/>
      <c r="CV125" s="992"/>
      <c r="CW125" s="992"/>
      <c r="CX125" s="992"/>
      <c r="CY125" s="992"/>
      <c r="CZ125" s="992"/>
      <c r="DA125" s="992"/>
      <c r="DB125" s="992"/>
      <c r="DC125" s="992"/>
      <c r="DD125" s="992"/>
      <c r="DE125" s="992"/>
      <c r="DF125" s="993"/>
      <c r="DG125" s="1027" t="s">
        <v>128</v>
      </c>
      <c r="DH125" s="1028"/>
      <c r="DI125" s="1028"/>
      <c r="DJ125" s="1028"/>
      <c r="DK125" s="1028"/>
      <c r="DL125" s="1028" t="s">
        <v>440</v>
      </c>
      <c r="DM125" s="1028"/>
      <c r="DN125" s="1028"/>
      <c r="DO125" s="1028"/>
      <c r="DP125" s="1028"/>
      <c r="DQ125" s="1028" t="s">
        <v>467</v>
      </c>
      <c r="DR125" s="1028"/>
      <c r="DS125" s="1028"/>
      <c r="DT125" s="1028"/>
      <c r="DU125" s="1028"/>
      <c r="DV125" s="1029" t="s">
        <v>467</v>
      </c>
      <c r="DW125" s="1029"/>
      <c r="DX125" s="1029"/>
      <c r="DY125" s="1029"/>
      <c r="DZ125" s="1030"/>
    </row>
    <row r="126" spans="1:130" s="248" customFormat="1" ht="26.25" customHeight="1" thickBot="1" x14ac:dyDescent="0.25">
      <c r="A126" s="1160"/>
      <c r="B126" s="1047"/>
      <c r="C126" s="1017" t="s">
        <v>461</v>
      </c>
      <c r="D126" s="1018"/>
      <c r="E126" s="1018"/>
      <c r="F126" s="1018"/>
      <c r="G126" s="1018"/>
      <c r="H126" s="1018"/>
      <c r="I126" s="1018"/>
      <c r="J126" s="1018"/>
      <c r="K126" s="1018"/>
      <c r="L126" s="1018"/>
      <c r="M126" s="1018"/>
      <c r="N126" s="1018"/>
      <c r="O126" s="1018"/>
      <c r="P126" s="1018"/>
      <c r="Q126" s="1018"/>
      <c r="R126" s="1018"/>
      <c r="S126" s="1018"/>
      <c r="T126" s="1018"/>
      <c r="U126" s="1018"/>
      <c r="V126" s="1018"/>
      <c r="W126" s="1018"/>
      <c r="X126" s="1018"/>
      <c r="Y126" s="1018"/>
      <c r="Z126" s="1019"/>
      <c r="AA126" s="1059">
        <v>159414</v>
      </c>
      <c r="AB126" s="1060"/>
      <c r="AC126" s="1060"/>
      <c r="AD126" s="1060"/>
      <c r="AE126" s="1061"/>
      <c r="AF126" s="1062">
        <v>2528</v>
      </c>
      <c r="AG126" s="1060"/>
      <c r="AH126" s="1060"/>
      <c r="AI126" s="1060"/>
      <c r="AJ126" s="1061"/>
      <c r="AK126" s="1062">
        <v>332982</v>
      </c>
      <c r="AL126" s="1060"/>
      <c r="AM126" s="1060"/>
      <c r="AN126" s="1060"/>
      <c r="AO126" s="1061"/>
      <c r="AP126" s="1063">
        <v>2.2999999999999998</v>
      </c>
      <c r="AQ126" s="1064"/>
      <c r="AR126" s="1064"/>
      <c r="AS126" s="1064"/>
      <c r="AT126" s="1065"/>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5"/>
      <c r="CL126" s="1112"/>
      <c r="CM126" s="1112"/>
      <c r="CN126" s="1112"/>
      <c r="CO126" s="1113"/>
      <c r="CP126" s="1050" t="s">
        <v>476</v>
      </c>
      <c r="CQ126" s="1051"/>
      <c r="CR126" s="1051"/>
      <c r="CS126" s="1051"/>
      <c r="CT126" s="1051"/>
      <c r="CU126" s="1051"/>
      <c r="CV126" s="1051"/>
      <c r="CW126" s="1051"/>
      <c r="CX126" s="1051"/>
      <c r="CY126" s="1051"/>
      <c r="CZ126" s="1051"/>
      <c r="DA126" s="1051"/>
      <c r="DB126" s="1051"/>
      <c r="DC126" s="1051"/>
      <c r="DD126" s="1051"/>
      <c r="DE126" s="1051"/>
      <c r="DF126" s="1052"/>
      <c r="DG126" s="1020" t="s">
        <v>440</v>
      </c>
      <c r="DH126" s="1021"/>
      <c r="DI126" s="1021"/>
      <c r="DJ126" s="1021"/>
      <c r="DK126" s="1021"/>
      <c r="DL126" s="1021" t="s">
        <v>128</v>
      </c>
      <c r="DM126" s="1021"/>
      <c r="DN126" s="1021"/>
      <c r="DO126" s="1021"/>
      <c r="DP126" s="1021"/>
      <c r="DQ126" s="1021" t="s">
        <v>128</v>
      </c>
      <c r="DR126" s="1021"/>
      <c r="DS126" s="1021"/>
      <c r="DT126" s="1021"/>
      <c r="DU126" s="1021"/>
      <c r="DV126" s="1022" t="s">
        <v>128</v>
      </c>
      <c r="DW126" s="1022"/>
      <c r="DX126" s="1022"/>
      <c r="DY126" s="1022"/>
      <c r="DZ126" s="1023"/>
    </row>
    <row r="127" spans="1:130" s="248" customFormat="1" ht="26.25" customHeight="1" x14ac:dyDescent="0.2">
      <c r="A127" s="1161"/>
      <c r="B127" s="1049"/>
      <c r="C127" s="1103" t="s">
        <v>477</v>
      </c>
      <c r="D127" s="1104"/>
      <c r="E127" s="1104"/>
      <c r="F127" s="1104"/>
      <c r="G127" s="1104"/>
      <c r="H127" s="1104"/>
      <c r="I127" s="1104"/>
      <c r="J127" s="1104"/>
      <c r="K127" s="1104"/>
      <c r="L127" s="1104"/>
      <c r="M127" s="1104"/>
      <c r="N127" s="1104"/>
      <c r="O127" s="1104"/>
      <c r="P127" s="1104"/>
      <c r="Q127" s="1104"/>
      <c r="R127" s="1104"/>
      <c r="S127" s="1104"/>
      <c r="T127" s="1104"/>
      <c r="U127" s="1104"/>
      <c r="V127" s="1104"/>
      <c r="W127" s="1104"/>
      <c r="X127" s="1104"/>
      <c r="Y127" s="1104"/>
      <c r="Z127" s="1105"/>
      <c r="AA127" s="1059" t="s">
        <v>128</v>
      </c>
      <c r="AB127" s="1060"/>
      <c r="AC127" s="1060"/>
      <c r="AD127" s="1060"/>
      <c r="AE127" s="1061"/>
      <c r="AF127" s="1062" t="s">
        <v>440</v>
      </c>
      <c r="AG127" s="1060"/>
      <c r="AH127" s="1060"/>
      <c r="AI127" s="1060"/>
      <c r="AJ127" s="1061"/>
      <c r="AK127" s="1062" t="s">
        <v>128</v>
      </c>
      <c r="AL127" s="1060"/>
      <c r="AM127" s="1060"/>
      <c r="AN127" s="1060"/>
      <c r="AO127" s="1061"/>
      <c r="AP127" s="1063" t="s">
        <v>128</v>
      </c>
      <c r="AQ127" s="1064"/>
      <c r="AR127" s="1064"/>
      <c r="AS127" s="1064"/>
      <c r="AT127" s="1065"/>
      <c r="AU127" s="284"/>
      <c r="AV127" s="284"/>
      <c r="AW127" s="284"/>
      <c r="AX127" s="1133" t="s">
        <v>478</v>
      </c>
      <c r="AY127" s="1134"/>
      <c r="AZ127" s="1134"/>
      <c r="BA127" s="1134"/>
      <c r="BB127" s="1134"/>
      <c r="BC127" s="1134"/>
      <c r="BD127" s="1134"/>
      <c r="BE127" s="1135"/>
      <c r="BF127" s="1136" t="s">
        <v>479</v>
      </c>
      <c r="BG127" s="1134"/>
      <c r="BH127" s="1134"/>
      <c r="BI127" s="1134"/>
      <c r="BJ127" s="1134"/>
      <c r="BK127" s="1134"/>
      <c r="BL127" s="1135"/>
      <c r="BM127" s="1136" t="s">
        <v>480</v>
      </c>
      <c r="BN127" s="1134"/>
      <c r="BO127" s="1134"/>
      <c r="BP127" s="1134"/>
      <c r="BQ127" s="1134"/>
      <c r="BR127" s="1134"/>
      <c r="BS127" s="1135"/>
      <c r="BT127" s="1136" t="s">
        <v>481</v>
      </c>
      <c r="BU127" s="1134"/>
      <c r="BV127" s="1134"/>
      <c r="BW127" s="1134"/>
      <c r="BX127" s="1134"/>
      <c r="BY127" s="1134"/>
      <c r="BZ127" s="1158"/>
      <c r="CA127" s="284"/>
      <c r="CB127" s="284"/>
      <c r="CC127" s="284"/>
      <c r="CD127" s="285"/>
      <c r="CE127" s="285"/>
      <c r="CF127" s="285"/>
      <c r="CG127" s="282"/>
      <c r="CH127" s="282"/>
      <c r="CI127" s="282"/>
      <c r="CJ127" s="283"/>
      <c r="CK127" s="1125"/>
      <c r="CL127" s="1112"/>
      <c r="CM127" s="1112"/>
      <c r="CN127" s="1112"/>
      <c r="CO127" s="1113"/>
      <c r="CP127" s="1050" t="s">
        <v>482</v>
      </c>
      <c r="CQ127" s="1051"/>
      <c r="CR127" s="1051"/>
      <c r="CS127" s="1051"/>
      <c r="CT127" s="1051"/>
      <c r="CU127" s="1051"/>
      <c r="CV127" s="1051"/>
      <c r="CW127" s="1051"/>
      <c r="CX127" s="1051"/>
      <c r="CY127" s="1051"/>
      <c r="CZ127" s="1051"/>
      <c r="DA127" s="1051"/>
      <c r="DB127" s="1051"/>
      <c r="DC127" s="1051"/>
      <c r="DD127" s="1051"/>
      <c r="DE127" s="1051"/>
      <c r="DF127" s="1052"/>
      <c r="DG127" s="1020" t="s">
        <v>440</v>
      </c>
      <c r="DH127" s="1021"/>
      <c r="DI127" s="1021"/>
      <c r="DJ127" s="1021"/>
      <c r="DK127" s="1021"/>
      <c r="DL127" s="1021" t="s">
        <v>440</v>
      </c>
      <c r="DM127" s="1021"/>
      <c r="DN127" s="1021"/>
      <c r="DO127" s="1021"/>
      <c r="DP127" s="1021"/>
      <c r="DQ127" s="1021" t="s">
        <v>440</v>
      </c>
      <c r="DR127" s="1021"/>
      <c r="DS127" s="1021"/>
      <c r="DT127" s="1021"/>
      <c r="DU127" s="1021"/>
      <c r="DV127" s="1022" t="s">
        <v>128</v>
      </c>
      <c r="DW127" s="1022"/>
      <c r="DX127" s="1022"/>
      <c r="DY127" s="1022"/>
      <c r="DZ127" s="1023"/>
    </row>
    <row r="128" spans="1:130" s="248" customFormat="1" ht="26.25" customHeight="1" thickBot="1" x14ac:dyDescent="0.25">
      <c r="A128" s="1144" t="s">
        <v>483</v>
      </c>
      <c r="B128" s="1145"/>
      <c r="C128" s="1145"/>
      <c r="D128" s="1145"/>
      <c r="E128" s="1145"/>
      <c r="F128" s="1145"/>
      <c r="G128" s="1145"/>
      <c r="H128" s="1145"/>
      <c r="I128" s="1145"/>
      <c r="J128" s="1145"/>
      <c r="K128" s="1145"/>
      <c r="L128" s="1145"/>
      <c r="M128" s="1145"/>
      <c r="N128" s="1145"/>
      <c r="O128" s="1145"/>
      <c r="P128" s="1145"/>
      <c r="Q128" s="1145"/>
      <c r="R128" s="1145"/>
      <c r="S128" s="1145"/>
      <c r="T128" s="1145"/>
      <c r="U128" s="1145"/>
      <c r="V128" s="1145"/>
      <c r="W128" s="1146" t="s">
        <v>484</v>
      </c>
      <c r="X128" s="1146"/>
      <c r="Y128" s="1146"/>
      <c r="Z128" s="1147"/>
      <c r="AA128" s="1148">
        <v>371587</v>
      </c>
      <c r="AB128" s="1149"/>
      <c r="AC128" s="1149"/>
      <c r="AD128" s="1149"/>
      <c r="AE128" s="1150"/>
      <c r="AF128" s="1151">
        <v>386559</v>
      </c>
      <c r="AG128" s="1149"/>
      <c r="AH128" s="1149"/>
      <c r="AI128" s="1149"/>
      <c r="AJ128" s="1150"/>
      <c r="AK128" s="1151">
        <v>472116</v>
      </c>
      <c r="AL128" s="1149"/>
      <c r="AM128" s="1149"/>
      <c r="AN128" s="1149"/>
      <c r="AO128" s="1150"/>
      <c r="AP128" s="1152"/>
      <c r="AQ128" s="1153"/>
      <c r="AR128" s="1153"/>
      <c r="AS128" s="1153"/>
      <c r="AT128" s="1154"/>
      <c r="AU128" s="284"/>
      <c r="AV128" s="284"/>
      <c r="AW128" s="284"/>
      <c r="AX128" s="991" t="s">
        <v>485</v>
      </c>
      <c r="AY128" s="992"/>
      <c r="AZ128" s="992"/>
      <c r="BA128" s="992"/>
      <c r="BB128" s="992"/>
      <c r="BC128" s="992"/>
      <c r="BD128" s="992"/>
      <c r="BE128" s="993"/>
      <c r="BF128" s="1155" t="s">
        <v>128</v>
      </c>
      <c r="BG128" s="1156"/>
      <c r="BH128" s="1156"/>
      <c r="BI128" s="1156"/>
      <c r="BJ128" s="1156"/>
      <c r="BK128" s="1156"/>
      <c r="BL128" s="1157"/>
      <c r="BM128" s="1155">
        <v>12.67</v>
      </c>
      <c r="BN128" s="1156"/>
      <c r="BO128" s="1156"/>
      <c r="BP128" s="1156"/>
      <c r="BQ128" s="1156"/>
      <c r="BR128" s="1156"/>
      <c r="BS128" s="1157"/>
      <c r="BT128" s="1155">
        <v>20</v>
      </c>
      <c r="BU128" s="1156"/>
      <c r="BV128" s="1156"/>
      <c r="BW128" s="1156"/>
      <c r="BX128" s="1156"/>
      <c r="BY128" s="1156"/>
      <c r="BZ128" s="1180"/>
      <c r="CA128" s="285"/>
      <c r="CB128" s="285"/>
      <c r="CC128" s="285"/>
      <c r="CD128" s="285"/>
      <c r="CE128" s="285"/>
      <c r="CF128" s="285"/>
      <c r="CG128" s="282"/>
      <c r="CH128" s="282"/>
      <c r="CI128" s="282"/>
      <c r="CJ128" s="283"/>
      <c r="CK128" s="1126"/>
      <c r="CL128" s="1127"/>
      <c r="CM128" s="1127"/>
      <c r="CN128" s="1127"/>
      <c r="CO128" s="1128"/>
      <c r="CP128" s="1137" t="s">
        <v>486</v>
      </c>
      <c r="CQ128" s="1138"/>
      <c r="CR128" s="1138"/>
      <c r="CS128" s="1138"/>
      <c r="CT128" s="1138"/>
      <c r="CU128" s="1138"/>
      <c r="CV128" s="1138"/>
      <c r="CW128" s="1138"/>
      <c r="CX128" s="1138"/>
      <c r="CY128" s="1138"/>
      <c r="CZ128" s="1138"/>
      <c r="DA128" s="1138"/>
      <c r="DB128" s="1138"/>
      <c r="DC128" s="1138"/>
      <c r="DD128" s="1138"/>
      <c r="DE128" s="1138"/>
      <c r="DF128" s="1139"/>
      <c r="DG128" s="1140" t="s">
        <v>128</v>
      </c>
      <c r="DH128" s="1141"/>
      <c r="DI128" s="1141"/>
      <c r="DJ128" s="1141"/>
      <c r="DK128" s="1141"/>
      <c r="DL128" s="1141" t="s">
        <v>128</v>
      </c>
      <c r="DM128" s="1141"/>
      <c r="DN128" s="1141"/>
      <c r="DO128" s="1141"/>
      <c r="DP128" s="1141"/>
      <c r="DQ128" s="1141" t="s">
        <v>128</v>
      </c>
      <c r="DR128" s="1141"/>
      <c r="DS128" s="1141"/>
      <c r="DT128" s="1141"/>
      <c r="DU128" s="1141"/>
      <c r="DV128" s="1142" t="s">
        <v>128</v>
      </c>
      <c r="DW128" s="1142"/>
      <c r="DX128" s="1142"/>
      <c r="DY128" s="1142"/>
      <c r="DZ128" s="1143"/>
    </row>
    <row r="129" spans="1:131" s="248" customFormat="1" ht="26.25" customHeight="1" x14ac:dyDescent="0.2">
      <c r="A129" s="1031" t="s">
        <v>107</v>
      </c>
      <c r="B129" s="1032"/>
      <c r="C129" s="1032"/>
      <c r="D129" s="1032"/>
      <c r="E129" s="1032"/>
      <c r="F129" s="1032"/>
      <c r="G129" s="1032"/>
      <c r="H129" s="1032"/>
      <c r="I129" s="1032"/>
      <c r="J129" s="1032"/>
      <c r="K129" s="1032"/>
      <c r="L129" s="1032"/>
      <c r="M129" s="1032"/>
      <c r="N129" s="1032"/>
      <c r="O129" s="1032"/>
      <c r="P129" s="1032"/>
      <c r="Q129" s="1032"/>
      <c r="R129" s="1032"/>
      <c r="S129" s="1032"/>
      <c r="T129" s="1032"/>
      <c r="U129" s="1032"/>
      <c r="V129" s="1032"/>
      <c r="W129" s="1174" t="s">
        <v>487</v>
      </c>
      <c r="X129" s="1175"/>
      <c r="Y129" s="1175"/>
      <c r="Z129" s="1176"/>
      <c r="AA129" s="1059">
        <v>16231696</v>
      </c>
      <c r="AB129" s="1060"/>
      <c r="AC129" s="1060"/>
      <c r="AD129" s="1060"/>
      <c r="AE129" s="1061"/>
      <c r="AF129" s="1062">
        <v>16296269</v>
      </c>
      <c r="AG129" s="1060"/>
      <c r="AH129" s="1060"/>
      <c r="AI129" s="1060"/>
      <c r="AJ129" s="1061"/>
      <c r="AK129" s="1062">
        <v>16618470</v>
      </c>
      <c r="AL129" s="1060"/>
      <c r="AM129" s="1060"/>
      <c r="AN129" s="1060"/>
      <c r="AO129" s="1061"/>
      <c r="AP129" s="1177"/>
      <c r="AQ129" s="1178"/>
      <c r="AR129" s="1178"/>
      <c r="AS129" s="1178"/>
      <c r="AT129" s="1179"/>
      <c r="AU129" s="286"/>
      <c r="AV129" s="286"/>
      <c r="AW129" s="286"/>
      <c r="AX129" s="1168" t="s">
        <v>488</v>
      </c>
      <c r="AY129" s="1051"/>
      <c r="AZ129" s="1051"/>
      <c r="BA129" s="1051"/>
      <c r="BB129" s="1051"/>
      <c r="BC129" s="1051"/>
      <c r="BD129" s="1051"/>
      <c r="BE129" s="1052"/>
      <c r="BF129" s="1169" t="s">
        <v>440</v>
      </c>
      <c r="BG129" s="1170"/>
      <c r="BH129" s="1170"/>
      <c r="BI129" s="1170"/>
      <c r="BJ129" s="1170"/>
      <c r="BK129" s="1170"/>
      <c r="BL129" s="1171"/>
      <c r="BM129" s="1169">
        <v>17.670000000000002</v>
      </c>
      <c r="BN129" s="1170"/>
      <c r="BO129" s="1170"/>
      <c r="BP129" s="1170"/>
      <c r="BQ129" s="1170"/>
      <c r="BR129" s="1170"/>
      <c r="BS129" s="1171"/>
      <c r="BT129" s="1169">
        <v>30</v>
      </c>
      <c r="BU129" s="1172"/>
      <c r="BV129" s="1172"/>
      <c r="BW129" s="1172"/>
      <c r="BX129" s="1172"/>
      <c r="BY129" s="1172"/>
      <c r="BZ129" s="1173"/>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31" t="s">
        <v>489</v>
      </c>
      <c r="B130" s="1032"/>
      <c r="C130" s="1032"/>
      <c r="D130" s="1032"/>
      <c r="E130" s="1032"/>
      <c r="F130" s="1032"/>
      <c r="G130" s="1032"/>
      <c r="H130" s="1032"/>
      <c r="I130" s="1032"/>
      <c r="J130" s="1032"/>
      <c r="K130" s="1032"/>
      <c r="L130" s="1032"/>
      <c r="M130" s="1032"/>
      <c r="N130" s="1032"/>
      <c r="O130" s="1032"/>
      <c r="P130" s="1032"/>
      <c r="Q130" s="1032"/>
      <c r="R130" s="1032"/>
      <c r="S130" s="1032"/>
      <c r="T130" s="1032"/>
      <c r="U130" s="1032"/>
      <c r="V130" s="1032"/>
      <c r="W130" s="1174" t="s">
        <v>490</v>
      </c>
      <c r="X130" s="1175"/>
      <c r="Y130" s="1175"/>
      <c r="Z130" s="1176"/>
      <c r="AA130" s="1059">
        <v>2010069</v>
      </c>
      <c r="AB130" s="1060"/>
      <c r="AC130" s="1060"/>
      <c r="AD130" s="1060"/>
      <c r="AE130" s="1061"/>
      <c r="AF130" s="1062">
        <v>1980611</v>
      </c>
      <c r="AG130" s="1060"/>
      <c r="AH130" s="1060"/>
      <c r="AI130" s="1060"/>
      <c r="AJ130" s="1061"/>
      <c r="AK130" s="1062">
        <v>1975936</v>
      </c>
      <c r="AL130" s="1060"/>
      <c r="AM130" s="1060"/>
      <c r="AN130" s="1060"/>
      <c r="AO130" s="1061"/>
      <c r="AP130" s="1177"/>
      <c r="AQ130" s="1178"/>
      <c r="AR130" s="1178"/>
      <c r="AS130" s="1178"/>
      <c r="AT130" s="1179"/>
      <c r="AU130" s="286"/>
      <c r="AV130" s="286"/>
      <c r="AW130" s="286"/>
      <c r="AX130" s="1168" t="s">
        <v>491</v>
      </c>
      <c r="AY130" s="1051"/>
      <c r="AZ130" s="1051"/>
      <c r="BA130" s="1051"/>
      <c r="BB130" s="1051"/>
      <c r="BC130" s="1051"/>
      <c r="BD130" s="1051"/>
      <c r="BE130" s="1052"/>
      <c r="BF130" s="1205">
        <v>5.7</v>
      </c>
      <c r="BG130" s="1206"/>
      <c r="BH130" s="1206"/>
      <c r="BI130" s="1206"/>
      <c r="BJ130" s="1206"/>
      <c r="BK130" s="1206"/>
      <c r="BL130" s="1207"/>
      <c r="BM130" s="1205">
        <v>25</v>
      </c>
      <c r="BN130" s="1206"/>
      <c r="BO130" s="1206"/>
      <c r="BP130" s="1206"/>
      <c r="BQ130" s="1206"/>
      <c r="BR130" s="1206"/>
      <c r="BS130" s="1207"/>
      <c r="BT130" s="1205">
        <v>35</v>
      </c>
      <c r="BU130" s="1208"/>
      <c r="BV130" s="1208"/>
      <c r="BW130" s="1208"/>
      <c r="BX130" s="1208"/>
      <c r="BY130" s="1208"/>
      <c r="BZ130" s="1209"/>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10"/>
      <c r="B131" s="1211"/>
      <c r="C131" s="1211"/>
      <c r="D131" s="1211"/>
      <c r="E131" s="1211"/>
      <c r="F131" s="1211"/>
      <c r="G131" s="1211"/>
      <c r="H131" s="1211"/>
      <c r="I131" s="1211"/>
      <c r="J131" s="1211"/>
      <c r="K131" s="1211"/>
      <c r="L131" s="1211"/>
      <c r="M131" s="1211"/>
      <c r="N131" s="1211"/>
      <c r="O131" s="1211"/>
      <c r="P131" s="1211"/>
      <c r="Q131" s="1211"/>
      <c r="R131" s="1211"/>
      <c r="S131" s="1211"/>
      <c r="T131" s="1211"/>
      <c r="U131" s="1211"/>
      <c r="V131" s="1211"/>
      <c r="W131" s="1212" t="s">
        <v>492</v>
      </c>
      <c r="X131" s="1213"/>
      <c r="Y131" s="1213"/>
      <c r="Z131" s="1214"/>
      <c r="AA131" s="1106">
        <v>14221627</v>
      </c>
      <c r="AB131" s="1085"/>
      <c r="AC131" s="1085"/>
      <c r="AD131" s="1085"/>
      <c r="AE131" s="1086"/>
      <c r="AF131" s="1084">
        <v>14315658</v>
      </c>
      <c r="AG131" s="1085"/>
      <c r="AH131" s="1085"/>
      <c r="AI131" s="1085"/>
      <c r="AJ131" s="1086"/>
      <c r="AK131" s="1084">
        <v>14642534</v>
      </c>
      <c r="AL131" s="1085"/>
      <c r="AM131" s="1085"/>
      <c r="AN131" s="1085"/>
      <c r="AO131" s="1086"/>
      <c r="AP131" s="1215"/>
      <c r="AQ131" s="1216"/>
      <c r="AR131" s="1216"/>
      <c r="AS131" s="1216"/>
      <c r="AT131" s="1217"/>
      <c r="AU131" s="286"/>
      <c r="AV131" s="286"/>
      <c r="AW131" s="286"/>
      <c r="AX131" s="1187" t="s">
        <v>493</v>
      </c>
      <c r="AY131" s="1138"/>
      <c r="AZ131" s="1138"/>
      <c r="BA131" s="1138"/>
      <c r="BB131" s="1138"/>
      <c r="BC131" s="1138"/>
      <c r="BD131" s="1138"/>
      <c r="BE131" s="1139"/>
      <c r="BF131" s="1188">
        <v>28.9</v>
      </c>
      <c r="BG131" s="1189"/>
      <c r="BH131" s="1189"/>
      <c r="BI131" s="1189"/>
      <c r="BJ131" s="1189"/>
      <c r="BK131" s="1189"/>
      <c r="BL131" s="1190"/>
      <c r="BM131" s="1188">
        <v>350</v>
      </c>
      <c r="BN131" s="1189"/>
      <c r="BO131" s="1189"/>
      <c r="BP131" s="1189"/>
      <c r="BQ131" s="1189"/>
      <c r="BR131" s="1189"/>
      <c r="BS131" s="1190"/>
      <c r="BT131" s="1191"/>
      <c r="BU131" s="1192"/>
      <c r="BV131" s="1192"/>
      <c r="BW131" s="1192"/>
      <c r="BX131" s="1192"/>
      <c r="BY131" s="1192"/>
      <c r="BZ131" s="1193"/>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94" t="s">
        <v>494</v>
      </c>
      <c r="B132" s="1195"/>
      <c r="C132" s="1195"/>
      <c r="D132" s="1195"/>
      <c r="E132" s="1195"/>
      <c r="F132" s="1195"/>
      <c r="G132" s="1195"/>
      <c r="H132" s="1195"/>
      <c r="I132" s="1195"/>
      <c r="J132" s="1195"/>
      <c r="K132" s="1195"/>
      <c r="L132" s="1195"/>
      <c r="M132" s="1195"/>
      <c r="N132" s="1195"/>
      <c r="O132" s="1195"/>
      <c r="P132" s="1195"/>
      <c r="Q132" s="1195"/>
      <c r="R132" s="1195"/>
      <c r="S132" s="1195"/>
      <c r="T132" s="1195"/>
      <c r="U132" s="1195"/>
      <c r="V132" s="1198" t="s">
        <v>495</v>
      </c>
      <c r="W132" s="1198"/>
      <c r="X132" s="1198"/>
      <c r="Y132" s="1198"/>
      <c r="Z132" s="1199"/>
      <c r="AA132" s="1200">
        <v>6.7201664059999997</v>
      </c>
      <c r="AB132" s="1201"/>
      <c r="AC132" s="1201"/>
      <c r="AD132" s="1201"/>
      <c r="AE132" s="1202"/>
      <c r="AF132" s="1203">
        <v>5.9811571360000002</v>
      </c>
      <c r="AG132" s="1201"/>
      <c r="AH132" s="1201"/>
      <c r="AI132" s="1201"/>
      <c r="AJ132" s="1202"/>
      <c r="AK132" s="1203">
        <v>4.6509299549999996</v>
      </c>
      <c r="AL132" s="1201"/>
      <c r="AM132" s="1201"/>
      <c r="AN132" s="1201"/>
      <c r="AO132" s="1202"/>
      <c r="AP132" s="1100"/>
      <c r="AQ132" s="1101"/>
      <c r="AR132" s="1101"/>
      <c r="AS132" s="1101"/>
      <c r="AT132" s="1204"/>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6"/>
      <c r="B133" s="1197"/>
      <c r="C133" s="1197"/>
      <c r="D133" s="1197"/>
      <c r="E133" s="1197"/>
      <c r="F133" s="1197"/>
      <c r="G133" s="1197"/>
      <c r="H133" s="1197"/>
      <c r="I133" s="1197"/>
      <c r="J133" s="1197"/>
      <c r="K133" s="1197"/>
      <c r="L133" s="1197"/>
      <c r="M133" s="1197"/>
      <c r="N133" s="1197"/>
      <c r="O133" s="1197"/>
      <c r="P133" s="1197"/>
      <c r="Q133" s="1197"/>
      <c r="R133" s="1197"/>
      <c r="S133" s="1197"/>
      <c r="T133" s="1197"/>
      <c r="U133" s="1197"/>
      <c r="V133" s="1181" t="s">
        <v>496</v>
      </c>
      <c r="W133" s="1181"/>
      <c r="X133" s="1181"/>
      <c r="Y133" s="1181"/>
      <c r="Z133" s="1182"/>
      <c r="AA133" s="1183">
        <v>7.9</v>
      </c>
      <c r="AB133" s="1184"/>
      <c r="AC133" s="1184"/>
      <c r="AD133" s="1184"/>
      <c r="AE133" s="1185"/>
      <c r="AF133" s="1183">
        <v>7.5</v>
      </c>
      <c r="AG133" s="1184"/>
      <c r="AH133" s="1184"/>
      <c r="AI133" s="1184"/>
      <c r="AJ133" s="1185"/>
      <c r="AK133" s="1183">
        <v>5.7</v>
      </c>
      <c r="AL133" s="1184"/>
      <c r="AM133" s="1184"/>
      <c r="AN133" s="1184"/>
      <c r="AO133" s="1185"/>
      <c r="AP133" s="1130"/>
      <c r="AQ133" s="1131"/>
      <c r="AR133" s="1131"/>
      <c r="AS133" s="1131"/>
      <c r="AT133" s="1186"/>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9Oc8pwkYBKzMhBKgfwKZd36Y9XyJoZw6o4CUIm06sPq5b5Q+T7pVj6I89IqW9ih3PjncMR9PzpQMw6RgM6xW2g==" saltValue="9LeWw6KGaCUtjMgtULfXH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664062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7</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BEmF9LP/6alAxDW4eIjJ4+NHYpz6Msyr98xU5wOjjXLj2snsN/LgCvHq03dUdbJIprcuNnUfTNIyfM5V2Xk8Rg==" saltValue="IPrcluW+K7RykOVv4/SN9A==" spinCount="100000" sheet="1" objects="1" scenarios="1"/>
  <dataConsolidate/>
  <phoneticPr fontId="2"/>
  <printOptions horizontalCentered="1" verticalCentered="1"/>
  <pageMargins left="0" right="0" top="0" bottom="0" header="0" footer="0"/>
  <pageSetup paperSize="9" scale="45"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554687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Jlkzbp6CutrPhJs4dqZu6CWX3vvDLokKaDWkUkLpnxm0tZGc+6zsBYYZ/G/cr1eTkCpitOPz2fHG0NvavKGPFg==" saltValue="PybQyHfPcHnonkwjccVAcw=="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5546875" style="294" hidden="1" customWidth="1"/>
    <col min="53" max="16384" width="8.554687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8</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9</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8" t="s">
        <v>500</v>
      </c>
      <c r="AP7" s="305"/>
      <c r="AQ7" s="306" t="s">
        <v>501</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9"/>
      <c r="AP8" s="311" t="s">
        <v>502</v>
      </c>
      <c r="AQ8" s="312" t="s">
        <v>503</v>
      </c>
      <c r="AR8" s="313" t="s">
        <v>504</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0" t="s">
        <v>505</v>
      </c>
      <c r="AL9" s="1221"/>
      <c r="AM9" s="1221"/>
      <c r="AN9" s="1222"/>
      <c r="AO9" s="314">
        <v>5922145</v>
      </c>
      <c r="AP9" s="314">
        <v>69766</v>
      </c>
      <c r="AQ9" s="315">
        <v>70597</v>
      </c>
      <c r="AR9" s="316">
        <v>-1.2</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0" t="s">
        <v>506</v>
      </c>
      <c r="AL10" s="1221"/>
      <c r="AM10" s="1221"/>
      <c r="AN10" s="1222"/>
      <c r="AO10" s="317">
        <v>112454</v>
      </c>
      <c r="AP10" s="317">
        <v>1325</v>
      </c>
      <c r="AQ10" s="318">
        <v>6273</v>
      </c>
      <c r="AR10" s="319">
        <v>-78.900000000000006</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0" t="s">
        <v>507</v>
      </c>
      <c r="AL11" s="1221"/>
      <c r="AM11" s="1221"/>
      <c r="AN11" s="1222"/>
      <c r="AO11" s="317">
        <v>83393</v>
      </c>
      <c r="AP11" s="317">
        <v>982</v>
      </c>
      <c r="AQ11" s="318">
        <v>1314</v>
      </c>
      <c r="AR11" s="319">
        <v>-25.3</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0" t="s">
        <v>508</v>
      </c>
      <c r="AL12" s="1221"/>
      <c r="AM12" s="1221"/>
      <c r="AN12" s="1222"/>
      <c r="AO12" s="317" t="s">
        <v>509</v>
      </c>
      <c r="AP12" s="317" t="s">
        <v>509</v>
      </c>
      <c r="AQ12" s="318">
        <v>3</v>
      </c>
      <c r="AR12" s="319" t="s">
        <v>509</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0" t="s">
        <v>510</v>
      </c>
      <c r="AL13" s="1221"/>
      <c r="AM13" s="1221"/>
      <c r="AN13" s="1222"/>
      <c r="AO13" s="317">
        <v>224042</v>
      </c>
      <c r="AP13" s="317">
        <v>2639</v>
      </c>
      <c r="AQ13" s="318">
        <v>2424</v>
      </c>
      <c r="AR13" s="319">
        <v>8.9</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0" t="s">
        <v>511</v>
      </c>
      <c r="AL14" s="1221"/>
      <c r="AM14" s="1221"/>
      <c r="AN14" s="1222"/>
      <c r="AO14" s="317">
        <v>62680</v>
      </c>
      <c r="AP14" s="317">
        <v>738</v>
      </c>
      <c r="AQ14" s="318">
        <v>1774</v>
      </c>
      <c r="AR14" s="319">
        <v>-58.4</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6" t="s">
        <v>512</v>
      </c>
      <c r="AL15" s="1227"/>
      <c r="AM15" s="1227"/>
      <c r="AN15" s="1228"/>
      <c r="AO15" s="317">
        <v>-376763</v>
      </c>
      <c r="AP15" s="317">
        <v>-4438</v>
      </c>
      <c r="AQ15" s="318">
        <v>-4858</v>
      </c>
      <c r="AR15" s="319">
        <v>-8.6</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6" t="s">
        <v>185</v>
      </c>
      <c r="AL16" s="1227"/>
      <c r="AM16" s="1227"/>
      <c r="AN16" s="1228"/>
      <c r="AO16" s="317">
        <v>6027951</v>
      </c>
      <c r="AP16" s="317">
        <v>71012</v>
      </c>
      <c r="AQ16" s="318">
        <v>77526</v>
      </c>
      <c r="AR16" s="319">
        <v>-8.4</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3</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14</v>
      </c>
      <c r="AP20" s="326" t="s">
        <v>515</v>
      </c>
      <c r="AQ20" s="327" t="s">
        <v>516</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9" t="s">
        <v>517</v>
      </c>
      <c r="AL21" s="1230"/>
      <c r="AM21" s="1230"/>
      <c r="AN21" s="1231"/>
      <c r="AO21" s="330">
        <v>6.99</v>
      </c>
      <c r="AP21" s="331">
        <v>7.31</v>
      </c>
      <c r="AQ21" s="332">
        <v>-0.32</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9" t="s">
        <v>518</v>
      </c>
      <c r="AL22" s="1230"/>
      <c r="AM22" s="1230"/>
      <c r="AN22" s="1231"/>
      <c r="AO22" s="335">
        <v>100.8</v>
      </c>
      <c r="AP22" s="336">
        <v>98.5</v>
      </c>
      <c r="AQ22" s="337">
        <v>2.2999999999999998</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9</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20</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21</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8" t="s">
        <v>500</v>
      </c>
      <c r="AP30" s="305"/>
      <c r="AQ30" s="306" t="s">
        <v>501</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9"/>
      <c r="AP31" s="311" t="s">
        <v>502</v>
      </c>
      <c r="AQ31" s="312" t="s">
        <v>503</v>
      </c>
      <c r="AR31" s="313" t="s">
        <v>504</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23" t="s">
        <v>522</v>
      </c>
      <c r="AL32" s="1224"/>
      <c r="AM32" s="1224"/>
      <c r="AN32" s="1225"/>
      <c r="AO32" s="345">
        <v>2017940</v>
      </c>
      <c r="AP32" s="345">
        <v>23772</v>
      </c>
      <c r="AQ32" s="346">
        <v>38968</v>
      </c>
      <c r="AR32" s="347">
        <v>-39</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23" t="s">
        <v>523</v>
      </c>
      <c r="AL33" s="1224"/>
      <c r="AM33" s="1224"/>
      <c r="AN33" s="1225"/>
      <c r="AO33" s="345" t="s">
        <v>509</v>
      </c>
      <c r="AP33" s="345" t="s">
        <v>509</v>
      </c>
      <c r="AQ33" s="346" t="s">
        <v>509</v>
      </c>
      <c r="AR33" s="347" t="s">
        <v>509</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23" t="s">
        <v>524</v>
      </c>
      <c r="AL34" s="1224"/>
      <c r="AM34" s="1224"/>
      <c r="AN34" s="1225"/>
      <c r="AO34" s="345" t="s">
        <v>509</v>
      </c>
      <c r="AP34" s="345" t="s">
        <v>509</v>
      </c>
      <c r="AQ34" s="346">
        <v>58</v>
      </c>
      <c r="AR34" s="347" t="s">
        <v>509</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23" t="s">
        <v>525</v>
      </c>
      <c r="AL35" s="1224"/>
      <c r="AM35" s="1224"/>
      <c r="AN35" s="1225"/>
      <c r="AO35" s="345">
        <v>680927</v>
      </c>
      <c r="AP35" s="345">
        <v>8022</v>
      </c>
      <c r="AQ35" s="346">
        <v>12321</v>
      </c>
      <c r="AR35" s="347">
        <v>-34.9</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23" t="s">
        <v>526</v>
      </c>
      <c r="AL36" s="1224"/>
      <c r="AM36" s="1224"/>
      <c r="AN36" s="1225"/>
      <c r="AO36" s="345">
        <v>97217</v>
      </c>
      <c r="AP36" s="345">
        <v>1145</v>
      </c>
      <c r="AQ36" s="346">
        <v>1771</v>
      </c>
      <c r="AR36" s="347">
        <v>-35.299999999999997</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23" t="s">
        <v>527</v>
      </c>
      <c r="AL37" s="1224"/>
      <c r="AM37" s="1224"/>
      <c r="AN37" s="1225"/>
      <c r="AO37" s="345">
        <v>332982</v>
      </c>
      <c r="AP37" s="345">
        <v>3923</v>
      </c>
      <c r="AQ37" s="346">
        <v>588</v>
      </c>
      <c r="AR37" s="347">
        <v>567.20000000000005</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32" t="s">
        <v>528</v>
      </c>
      <c r="AL38" s="1233"/>
      <c r="AM38" s="1233"/>
      <c r="AN38" s="1234"/>
      <c r="AO38" s="348" t="s">
        <v>509</v>
      </c>
      <c r="AP38" s="348" t="s">
        <v>509</v>
      </c>
      <c r="AQ38" s="349">
        <v>1</v>
      </c>
      <c r="AR38" s="337" t="s">
        <v>509</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32" t="s">
        <v>529</v>
      </c>
      <c r="AL39" s="1233"/>
      <c r="AM39" s="1233"/>
      <c r="AN39" s="1234"/>
      <c r="AO39" s="345">
        <v>-472116</v>
      </c>
      <c r="AP39" s="345">
        <v>-5562</v>
      </c>
      <c r="AQ39" s="346">
        <v>-5205</v>
      </c>
      <c r="AR39" s="347">
        <v>6.9</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23" t="s">
        <v>530</v>
      </c>
      <c r="AL40" s="1224"/>
      <c r="AM40" s="1224"/>
      <c r="AN40" s="1225"/>
      <c r="AO40" s="345">
        <v>-1975936</v>
      </c>
      <c r="AP40" s="345">
        <v>-23278</v>
      </c>
      <c r="AQ40" s="346">
        <v>-35431</v>
      </c>
      <c r="AR40" s="347">
        <v>-34.299999999999997</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5" t="s">
        <v>296</v>
      </c>
      <c r="AL41" s="1236"/>
      <c r="AM41" s="1236"/>
      <c r="AN41" s="1237"/>
      <c r="AO41" s="345">
        <v>681014</v>
      </c>
      <c r="AP41" s="345">
        <v>8023</v>
      </c>
      <c r="AQ41" s="346">
        <v>13072</v>
      </c>
      <c r="AR41" s="347">
        <v>-38.6</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1</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2</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3</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8" t="s">
        <v>500</v>
      </c>
      <c r="AN49" s="1240" t="s">
        <v>534</v>
      </c>
      <c r="AO49" s="1241"/>
      <c r="AP49" s="1241"/>
      <c r="AQ49" s="1241"/>
      <c r="AR49" s="1242"/>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9"/>
      <c r="AN50" s="361" t="s">
        <v>535</v>
      </c>
      <c r="AO50" s="362" t="s">
        <v>536</v>
      </c>
      <c r="AP50" s="363" t="s">
        <v>537</v>
      </c>
      <c r="AQ50" s="364" t="s">
        <v>538</v>
      </c>
      <c r="AR50" s="365" t="s">
        <v>539</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0</v>
      </c>
      <c r="AL51" s="358"/>
      <c r="AM51" s="366">
        <v>4357079</v>
      </c>
      <c r="AN51" s="367">
        <v>51151</v>
      </c>
      <c r="AO51" s="368">
        <v>-1.2</v>
      </c>
      <c r="AP51" s="369">
        <v>57295</v>
      </c>
      <c r="AQ51" s="370">
        <v>5.7</v>
      </c>
      <c r="AR51" s="371">
        <v>-6.9</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1</v>
      </c>
      <c r="AM52" s="374">
        <v>2187020</v>
      </c>
      <c r="AN52" s="375">
        <v>25675</v>
      </c>
      <c r="AO52" s="376">
        <v>31.6</v>
      </c>
      <c r="AP52" s="377">
        <v>32771</v>
      </c>
      <c r="AQ52" s="378">
        <v>10.4</v>
      </c>
      <c r="AR52" s="379">
        <v>21.2</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2</v>
      </c>
      <c r="AL53" s="358"/>
      <c r="AM53" s="366">
        <v>5934715</v>
      </c>
      <c r="AN53" s="367">
        <v>69768</v>
      </c>
      <c r="AO53" s="368">
        <v>36.4</v>
      </c>
      <c r="AP53" s="369">
        <v>54110</v>
      </c>
      <c r="AQ53" s="370">
        <v>-5.6</v>
      </c>
      <c r="AR53" s="371">
        <v>42</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1</v>
      </c>
      <c r="AM54" s="374">
        <v>2525031</v>
      </c>
      <c r="AN54" s="375">
        <v>29684</v>
      </c>
      <c r="AO54" s="376">
        <v>15.6</v>
      </c>
      <c r="AP54" s="377">
        <v>30620</v>
      </c>
      <c r="AQ54" s="378">
        <v>-6.6</v>
      </c>
      <c r="AR54" s="379">
        <v>22.2</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3</v>
      </c>
      <c r="AL55" s="358"/>
      <c r="AM55" s="366">
        <v>4291140</v>
      </c>
      <c r="AN55" s="367">
        <v>50413</v>
      </c>
      <c r="AO55" s="368">
        <v>-27.7</v>
      </c>
      <c r="AP55" s="369">
        <v>54684</v>
      </c>
      <c r="AQ55" s="370">
        <v>1.1000000000000001</v>
      </c>
      <c r="AR55" s="371">
        <v>-28.8</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1</v>
      </c>
      <c r="AM56" s="374">
        <v>1276969</v>
      </c>
      <c r="AN56" s="375">
        <v>15002</v>
      </c>
      <c r="AO56" s="376">
        <v>-49.5</v>
      </c>
      <c r="AP56" s="377">
        <v>32829</v>
      </c>
      <c r="AQ56" s="378">
        <v>7.2</v>
      </c>
      <c r="AR56" s="379">
        <v>-56.7</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44</v>
      </c>
      <c r="AL57" s="358"/>
      <c r="AM57" s="366">
        <v>3850380</v>
      </c>
      <c r="AN57" s="367">
        <v>45141</v>
      </c>
      <c r="AO57" s="368">
        <v>-10.5</v>
      </c>
      <c r="AP57" s="369">
        <v>62383</v>
      </c>
      <c r="AQ57" s="370">
        <v>14.1</v>
      </c>
      <c r="AR57" s="371">
        <v>-24.6</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1</v>
      </c>
      <c r="AM58" s="374">
        <v>952955</v>
      </c>
      <c r="AN58" s="375">
        <v>11172</v>
      </c>
      <c r="AO58" s="376">
        <v>-25.5</v>
      </c>
      <c r="AP58" s="377">
        <v>35325</v>
      </c>
      <c r="AQ58" s="378">
        <v>7.6</v>
      </c>
      <c r="AR58" s="379">
        <v>-33.1</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5</v>
      </c>
      <c r="AL59" s="358"/>
      <c r="AM59" s="366">
        <v>2419010</v>
      </c>
      <c r="AN59" s="367">
        <v>28497</v>
      </c>
      <c r="AO59" s="368">
        <v>-36.9</v>
      </c>
      <c r="AP59" s="369">
        <v>63812</v>
      </c>
      <c r="AQ59" s="370">
        <v>2.2999999999999998</v>
      </c>
      <c r="AR59" s="371">
        <v>-39.200000000000003</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1</v>
      </c>
      <c r="AM60" s="374">
        <v>903515</v>
      </c>
      <c r="AN60" s="375">
        <v>10644</v>
      </c>
      <c r="AO60" s="376">
        <v>-4.7</v>
      </c>
      <c r="AP60" s="377">
        <v>33848</v>
      </c>
      <c r="AQ60" s="378">
        <v>-4.2</v>
      </c>
      <c r="AR60" s="379">
        <v>-0.5</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6</v>
      </c>
      <c r="AL61" s="380"/>
      <c r="AM61" s="381">
        <v>4170465</v>
      </c>
      <c r="AN61" s="382">
        <v>48994</v>
      </c>
      <c r="AO61" s="383">
        <v>-8</v>
      </c>
      <c r="AP61" s="384">
        <v>58457</v>
      </c>
      <c r="AQ61" s="385">
        <v>3.5</v>
      </c>
      <c r="AR61" s="371">
        <v>-11.5</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1</v>
      </c>
      <c r="AM62" s="374">
        <v>1569098</v>
      </c>
      <c r="AN62" s="375">
        <v>18435</v>
      </c>
      <c r="AO62" s="376">
        <v>-6.5</v>
      </c>
      <c r="AP62" s="377">
        <v>33079</v>
      </c>
      <c r="AQ62" s="378">
        <v>2.9</v>
      </c>
      <c r="AR62" s="379">
        <v>-9.4</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kJF2FYIULB+/pcHigaOuqR/tfEnjcyr4GybpdbaYwilVqGYON430332D2Ral0XXMfQZIstMFy45VoXTRI+6fzw==" saltValue="gjJWn7WDJO/fsGaNmXPa2w=="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8</v>
      </c>
    </row>
    <row r="120" spans="125:125" ht="13.5" hidden="1" customHeight="1" x14ac:dyDescent="0.2"/>
    <row r="121" spans="125:125" ht="13.5" hidden="1" customHeight="1" x14ac:dyDescent="0.2">
      <c r="DU121" s="292"/>
    </row>
  </sheetData>
  <sheetProtection algorithmName="SHA-512" hashValue="G7Qjq6c/3CrG5cFA81QAOFv0N13aixYDwLwst+Av2uADtmPFlf9GS0wxCibx6pxXs6avemJOYn8zpGZDXWylNA==" saltValue="ikGd2rjR7iMQTlssqvAct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9</v>
      </c>
    </row>
  </sheetData>
  <sheetProtection algorithmName="SHA-512" hashValue="2Ret2v6plZWDFaIPPurektYjSb484WyJiuhEHKqZydbWhBlYlFNTqNBOvreEJ27ZcYZUEbU70vRB3JrpMSuHLw==" saltValue="A6GKU3PSF4jpNpQw89CHN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33203125" style="1" customWidth="1"/>
    <col min="2" max="16" width="14.554687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0</v>
      </c>
      <c r="G46" s="8" t="s">
        <v>551</v>
      </c>
      <c r="H46" s="8" t="s">
        <v>552</v>
      </c>
      <c r="I46" s="8" t="s">
        <v>553</v>
      </c>
      <c r="J46" s="9" t="s">
        <v>554</v>
      </c>
    </row>
    <row r="47" spans="2:10" ht="57.75" customHeight="1" x14ac:dyDescent="0.2">
      <c r="B47" s="10"/>
      <c r="C47" s="1243" t="s">
        <v>3</v>
      </c>
      <c r="D47" s="1243"/>
      <c r="E47" s="1244"/>
      <c r="F47" s="11">
        <v>9.2799999999999994</v>
      </c>
      <c r="G47" s="12">
        <v>9.39</v>
      </c>
      <c r="H47" s="12">
        <v>9.7799999999999994</v>
      </c>
      <c r="I47" s="12">
        <v>12.61</v>
      </c>
      <c r="J47" s="13">
        <v>13.4</v>
      </c>
    </row>
    <row r="48" spans="2:10" ht="57.75" customHeight="1" x14ac:dyDescent="0.2">
      <c r="B48" s="14"/>
      <c r="C48" s="1245" t="s">
        <v>4</v>
      </c>
      <c r="D48" s="1245"/>
      <c r="E48" s="1246"/>
      <c r="F48" s="15">
        <v>2.75</v>
      </c>
      <c r="G48" s="16">
        <v>5.89</v>
      </c>
      <c r="H48" s="16">
        <v>5.1100000000000003</v>
      </c>
      <c r="I48" s="16">
        <v>5.24</v>
      </c>
      <c r="J48" s="17">
        <v>6.8</v>
      </c>
    </row>
    <row r="49" spans="2:10" ht="57.75" customHeight="1" thickBot="1" x14ac:dyDescent="0.25">
      <c r="B49" s="18"/>
      <c r="C49" s="1247" t="s">
        <v>5</v>
      </c>
      <c r="D49" s="1247"/>
      <c r="E49" s="1248"/>
      <c r="F49" s="19" t="s">
        <v>555</v>
      </c>
      <c r="G49" s="20">
        <v>3.37</v>
      </c>
      <c r="H49" s="20" t="s">
        <v>556</v>
      </c>
      <c r="I49" s="20">
        <v>3.02</v>
      </c>
      <c r="J49" s="21">
        <v>2.69</v>
      </c>
    </row>
    <row r="50" spans="2:10" ht="13.5" customHeight="1" x14ac:dyDescent="0.2"/>
  </sheetData>
  <sheetProtection algorithmName="SHA-512" hashValue="9KiSkhaNnKvmzd31DfNyEnCYc3mWJ9urZ3qI343YUVJAa4KoltJjSHe65eSAkWli7k+31PvdA6wlSiu9sEsj9A==" saltValue="8gemPZ9ob0mOw1LTxDTmE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16T01:34:12Z</cp:lastPrinted>
  <dcterms:created xsi:type="dcterms:W3CDTF">2022-02-02T04:41:07Z</dcterms:created>
  <dcterms:modified xsi:type="dcterms:W3CDTF">2022-09-26T06:34:48Z</dcterms:modified>
  <cp:category/>
</cp:coreProperties>
</file>